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/>
  <mc:AlternateContent xmlns:mc="http://schemas.openxmlformats.org/markup-compatibility/2006">
    <mc:Choice Requires="x15">
      <x15ac:absPath xmlns:x15ac="http://schemas.microsoft.com/office/spreadsheetml/2010/11/ac" url="C:\Users\i3605\Downloads\"/>
    </mc:Choice>
  </mc:AlternateContent>
  <xr:revisionPtr revIDLastSave="0" documentId="13_ncr:1_{BE0766BC-4779-4F2A-9A03-795EE79008C8}" xr6:coauthVersionLast="47" xr6:coauthVersionMax="47" xr10:uidLastSave="{00000000-0000-0000-0000-000000000000}"/>
  <bookViews>
    <workbookView xWindow="15" yWindow="0" windowWidth="28770" windowHeight="16200" firstSheet="9" activeTab="10" xr2:uid="{00000000-000D-0000-FFFF-FFFF00000000}"/>
  </bookViews>
  <sheets>
    <sheet name="Housing Transition &amp; Navigat..." sheetId="2" r:id="rId1"/>
    <sheet name="Housing Deposits" sheetId="3" r:id="rId2"/>
    <sheet name="Housing Tenancy &amp; Sustaining..." sheetId="4" r:id="rId3"/>
    <sheet name="Recuperative Care (Medical R..." sheetId="5" r:id="rId4"/>
    <sheet name="Short-Term Post-Hospitalizat..." sheetId="6" r:id="rId5"/>
    <sheet name="Medically Tailored Meals (MTM)" sheetId="7" r:id="rId6"/>
    <sheet name="Day Habilitation" sheetId="8" r:id="rId7"/>
    <sheet name="Personal Care &amp; Homemaker" sheetId="9" r:id="rId8"/>
    <sheet name="Respite Services" sheetId="10" r:id="rId9"/>
    <sheet name="Asthma Remediation" sheetId="11" r:id="rId10"/>
    <sheet name="Home Modifications" sheetId="12" r:id="rId11"/>
    <sheet name="Sobering Centers" sheetId="13" r:id="rId12"/>
    <sheet name="Assisted Living Transitions" sheetId="14" r:id="rId13"/>
    <sheet name="Community to Home Transitions" sheetId="16" r:id="rId14"/>
  </sheets>
  <definedNames>
    <definedName name="_xlnm._FilterDatabase" localSheetId="12" hidden="1">'Assisted Living Transitions'!$A$1:$I$62</definedName>
    <definedName name="_xlnm._FilterDatabase" localSheetId="9" hidden="1">'Asthma Remediation'!$A$1:$I$62</definedName>
    <definedName name="_xlnm._FilterDatabase" localSheetId="6" hidden="1">'Day Habilitation'!$A$1:$I$62</definedName>
    <definedName name="_xlnm._FilterDatabase" localSheetId="10" hidden="1">'Home Modifications'!$A$1:$I$61</definedName>
    <definedName name="_xlnm._FilterDatabase" localSheetId="1" hidden="1">'Housing Deposits'!$A$1:$I$61</definedName>
    <definedName name="_xlnm._FilterDatabase" localSheetId="2" hidden="1">'Housing Tenancy &amp; Sustaining...'!$A$1:$K$62</definedName>
    <definedName name="_xlnm._FilterDatabase" localSheetId="0" hidden="1">'Housing Transition &amp; Navigat...'!$A$1:$K$62</definedName>
    <definedName name="_xlnm._FilterDatabase" localSheetId="5" hidden="1">'Medically Tailored Meals (MTM)'!$A$1:$I$60</definedName>
    <definedName name="_xlnm._FilterDatabase" localSheetId="7" hidden="1">'Personal Care &amp; Homemaker'!$A$1:$I$58</definedName>
    <definedName name="_xlnm._FilterDatabase" localSheetId="3" hidden="1">'Recuperative Care (Medical R...'!$A$1:$I$62</definedName>
    <definedName name="_xlnm._FilterDatabase" localSheetId="8" hidden="1">'Respite Services'!$A$1:$I$60</definedName>
    <definedName name="_xlnm._FilterDatabase" localSheetId="4" hidden="1">'Short-Term Post-Hospitalizat...'!$A$1:$I$62</definedName>
    <definedName name="_xlnm._FilterDatabase" localSheetId="11" hidden="1">'Sobering Centers'!$A$1:$I$62</definedName>
  </definedNames>
  <calcPr calcId="0"/>
</workbook>
</file>

<file path=xl/sharedStrings.xml><?xml version="1.0" encoding="utf-8"?>
<sst xmlns="http://schemas.openxmlformats.org/spreadsheetml/2006/main" count="1435" uniqueCount="287">
  <si>
    <t>Provider / Facility Name</t>
  </si>
  <si>
    <t>Address</t>
  </si>
  <si>
    <t>City</t>
  </si>
  <si>
    <t>Zip Code</t>
  </si>
  <si>
    <t>Phone Number</t>
  </si>
  <si>
    <t>Fax Number</t>
  </si>
  <si>
    <t>Email Address</t>
  </si>
  <si>
    <t>MPI / NPI</t>
  </si>
  <si>
    <t>Area of Service (San Bernardino / Riverside / Both)</t>
  </si>
  <si>
    <t>Contract Status (Active / On Hold / Redirect / LOA / Termed)</t>
  </si>
  <si>
    <t>Notes / Restrictions</t>
  </si>
  <si>
    <t xml:space="preserve"> NPI</t>
  </si>
  <si>
    <t>Beloved Housing LLC (1)</t>
  </si>
  <si>
    <t>Beloved Housing LLC (2)</t>
  </si>
  <si>
    <t>CA Care Coordinators LTD</t>
  </si>
  <si>
    <t>ClearPath Foundation</t>
  </si>
  <si>
    <t xml:space="preserve">ClearPath Hill Top LLC </t>
  </si>
  <si>
    <t>Community of LA Recuperative Care LLC</t>
  </si>
  <si>
    <t>County of Riverside</t>
  </si>
  <si>
    <t>Cultura Health Services</t>
  </si>
  <si>
    <t>El Sol Neighborhood Educational Center</t>
  </si>
  <si>
    <t>Hamptons Manor LLC</t>
  </si>
  <si>
    <t>Hamptons Manor LLC (1)</t>
  </si>
  <si>
    <t>Hamptons Manor LLC (2)</t>
  </si>
  <si>
    <t>Hamptons Manor LLC (3)</t>
  </si>
  <si>
    <t>Healthcare In Action Medical Group</t>
  </si>
  <si>
    <t>Helping Hearts Hulen LLC</t>
  </si>
  <si>
    <t>Heritage Housing</t>
  </si>
  <si>
    <t>Jewish Family Service of San Diego</t>
  </si>
  <si>
    <t>Jewish Family Service of the Desert</t>
  </si>
  <si>
    <t>Lighthouse Social Service Centers</t>
  </si>
  <si>
    <t>Martha's Villiage and Kitchen</t>
  </si>
  <si>
    <t>Morongo Basin ARCH</t>
  </si>
  <si>
    <t>National Healthcare &amp; Housing Advisors</t>
  </si>
  <si>
    <t>Operation Grace</t>
  </si>
  <si>
    <t>Path of Life Ministries</t>
  </si>
  <si>
    <t>People First Non Emergency Transport Services</t>
  </si>
  <si>
    <t>Presidium Medical Group</t>
  </si>
  <si>
    <t>San Bernardino County on Behalf of Arrowhead Regional Medical Center</t>
  </si>
  <si>
    <t>Simple Solutions Family Therapy</t>
  </si>
  <si>
    <t>Step Up On Second Street Inc</t>
  </si>
  <si>
    <t>Symba Center</t>
  </si>
  <si>
    <t>The Illumination Foundation</t>
  </si>
  <si>
    <t>Thrive Community Health Services</t>
  </si>
  <si>
    <t>TruEvolution Inc DBA Young Scholars for Academic Empowerment</t>
  </si>
  <si>
    <t>NPI</t>
  </si>
  <si>
    <t>Inland Housing Solutions DBAInland Temporary Homes</t>
  </si>
  <si>
    <t>Apple Valley</t>
  </si>
  <si>
    <t>Santa Ana</t>
  </si>
  <si>
    <t>20923 Cayuga Rd</t>
  </si>
  <si>
    <t>13207 Kiowa Rd</t>
  </si>
  <si>
    <t>901 W CIVIC CENTER DR STE 200</t>
  </si>
  <si>
    <t>Hesperia</t>
  </si>
  <si>
    <t>Riverside</t>
  </si>
  <si>
    <t>20510 Hill Top Dr</t>
  </si>
  <si>
    <t>9421 Hickory Ave</t>
  </si>
  <si>
    <t>Mission Hills</t>
  </si>
  <si>
    <t xml:space="preserve">11100 SEPULVEDA BLVD STE 8 </t>
  </si>
  <si>
    <t xml:space="preserve">PO BOX 7549 </t>
  </si>
  <si>
    <t>11657 4th Ave</t>
  </si>
  <si>
    <t>San Bernardino</t>
  </si>
  <si>
    <t>Redlands</t>
  </si>
  <si>
    <t xml:space="preserve">PO BOX 449 </t>
  </si>
  <si>
    <t>502 CAJON ST R</t>
  </si>
  <si>
    <t>Hemet</t>
  </si>
  <si>
    <t>Moreno Valley</t>
  </si>
  <si>
    <t>3081 Hampton Ave</t>
  </si>
  <si>
    <t>40979 Mayberry Ave</t>
  </si>
  <si>
    <t>14821 Wintergreen St</t>
  </si>
  <si>
    <t>Long Beach</t>
  </si>
  <si>
    <t>3800 KILROY AIRPORT WAY STE 100</t>
  </si>
  <si>
    <t xml:space="preserve">1845 BUSINESS CENTER DR STE 130 </t>
  </si>
  <si>
    <t>Colton</t>
  </si>
  <si>
    <t xml:space="preserve">7108 Luane Trail </t>
  </si>
  <si>
    <t>Loma Linda</t>
  </si>
  <si>
    <t>San Diego</t>
  </si>
  <si>
    <t xml:space="preserve">PO BOX 239 </t>
  </si>
  <si>
    <t>8804 BALBOA AVE</t>
  </si>
  <si>
    <t>Palm Springs</t>
  </si>
  <si>
    <t>Indio</t>
  </si>
  <si>
    <t>Joshua Tree</t>
  </si>
  <si>
    <t xml:space="preserve">490 S FARRELL DR STE C208 </t>
  </si>
  <si>
    <t>1003 E COOLEY DR STE 205</t>
  </si>
  <si>
    <t>83791 DATE AVE</t>
  </si>
  <si>
    <t xml:space="preserve">6336 HALLEE RD </t>
  </si>
  <si>
    <t xml:space="preserve">1960 Ostrems Way </t>
  </si>
  <si>
    <t>1595 E ART TOWNSEND DR</t>
  </si>
  <si>
    <t>2840 Hulen Pl,</t>
  </si>
  <si>
    <t>Ontario</t>
  </si>
  <si>
    <t>3200 E Guasti Rd, Suite 100</t>
  </si>
  <si>
    <t>3111 Camino Del Rio N Ste 625</t>
  </si>
  <si>
    <t>400 N. Pepper Ave</t>
  </si>
  <si>
    <t>8350 Archibald Ave Ste 110</t>
  </si>
  <si>
    <t>Rancho Cucamonga</t>
  </si>
  <si>
    <t>1328 2nd Street</t>
  </si>
  <si>
    <t>Santa Monica</t>
  </si>
  <si>
    <t>14049 Amargosa Rd</t>
  </si>
  <si>
    <t>Victorville</t>
  </si>
  <si>
    <t>16902 1st St</t>
  </si>
  <si>
    <t>16519 Victor St Ste 424</t>
  </si>
  <si>
    <t>1091 N Batavia St</t>
  </si>
  <si>
    <t>Orange</t>
  </si>
  <si>
    <t>Corona</t>
  </si>
  <si>
    <t>4175 Brockton Ave</t>
  </si>
  <si>
    <t>760-285-4188</t>
  </si>
  <si>
    <t>714-200-2298</t>
  </si>
  <si>
    <t>714-856-4341</t>
  </si>
  <si>
    <t>818-839-8911</t>
  </si>
  <si>
    <t>951-368-4879</t>
  </si>
  <si>
    <t>909-884-3735</t>
  </si>
  <si>
    <t>718-395-0244</t>
  </si>
  <si>
    <t>951-897-3965</t>
  </si>
  <si>
    <t>909-762-3701</t>
  </si>
  <si>
    <t>909-796-6381</t>
  </si>
  <si>
    <t>760-325-4088</t>
  </si>
  <si>
    <t>858-637-7302</t>
  </si>
  <si>
    <t>951-571-3533</t>
  </si>
  <si>
    <t>760-347-4741</t>
  </si>
  <si>
    <t>760-992-1743</t>
  </si>
  <si>
    <t>714-592-1113</t>
  </si>
  <si>
    <t>951-232-0827</t>
  </si>
  <si>
    <t>951-786-9048</t>
  </si>
  <si>
    <t>909-858-2050</t>
  </si>
  <si>
    <t>619-344-0325</t>
  </si>
  <si>
    <t>909-501-0642</t>
  </si>
  <si>
    <t>909-527-3463</t>
  </si>
  <si>
    <t>909-501-1175</t>
  </si>
  <si>
    <t>442-372-4068</t>
  </si>
  <si>
    <t>617-653-9966</t>
  </si>
  <si>
    <t>310-993-9981</t>
  </si>
  <si>
    <t>951-888-1346</t>
  </si>
  <si>
    <t>Redirect</t>
  </si>
  <si>
    <t xml:space="preserve">Contract Status (Active / On Hold / Redirect </t>
  </si>
  <si>
    <t>On Hold</t>
  </si>
  <si>
    <t>Active</t>
  </si>
  <si>
    <t xml:space="preserve">No New Referrals </t>
  </si>
  <si>
    <t xml:space="preserve">Only referrals that Healthcare in Action (HIA)  are accepting are for 
Members that are ECM Enrolled and are assigned to HIA as the ECM Provider" to all services please. </t>
  </si>
  <si>
    <t>Term Date 12/1/25</t>
  </si>
  <si>
    <t>Both</t>
  </si>
  <si>
    <t>Allstar Health</t>
  </si>
  <si>
    <t>New Horizon Social Services LLC</t>
  </si>
  <si>
    <t>Oasis Recuperative Care</t>
  </si>
  <si>
    <t>OSP Health Management</t>
  </si>
  <si>
    <t>Taiwo Odusami  DBA Highgrove Villa</t>
  </si>
  <si>
    <t>The Emmanuel Project</t>
  </si>
  <si>
    <t>219 Brandon Way</t>
  </si>
  <si>
    <t>909-945-9899</t>
  </si>
  <si>
    <t>20601 Highway 18 Ste 171</t>
  </si>
  <si>
    <t>442-372-7068</t>
  </si>
  <si>
    <t>8502 Calabash</t>
  </si>
  <si>
    <t>Fontana</t>
  </si>
  <si>
    <t>310-528-2599</t>
  </si>
  <si>
    <t>25630 Felicia Ave</t>
  </si>
  <si>
    <t>Menifee</t>
  </si>
  <si>
    <t>760-515-2464</t>
  </si>
  <si>
    <t xml:space="preserve">3373 Strong St </t>
  </si>
  <si>
    <t xml:space="preserve">Apex Care Center </t>
  </si>
  <si>
    <t>GA Food Services of Pinellas County LLC</t>
  </si>
  <si>
    <t>Homestyle Direct</t>
  </si>
  <si>
    <t xml:space="preserve">Hunger Not Impossible Inc                                                 DBA Bento </t>
  </si>
  <si>
    <t>Independent Living Systems LLC</t>
  </si>
  <si>
    <t>ModifyHealth Inc</t>
  </si>
  <si>
    <t>Performance Kitchen PBC</t>
  </si>
  <si>
    <t>Roots Food Group Management LLC</t>
  </si>
  <si>
    <t>SunTerra Produce Traders Inc  (Nickname: Project Food Box)</t>
  </si>
  <si>
    <t>Victorville Counseling</t>
  </si>
  <si>
    <t xml:space="preserve">Tangelo DBA Intend Inc </t>
  </si>
  <si>
    <t xml:space="preserve">Moms Meals DBA Purfoods LLC </t>
  </si>
  <si>
    <t>4160 Temescal Canyon Rd Ste 401</t>
  </si>
  <si>
    <t>951-557-1859</t>
  </si>
  <si>
    <t>12200 32nd Ct N St Petersburg</t>
  </si>
  <si>
    <t>Florida</t>
  </si>
  <si>
    <t>310-629-4517</t>
  </si>
  <si>
    <t>2032 Highland Ave Ste E</t>
  </si>
  <si>
    <t>Idaho</t>
  </si>
  <si>
    <t>858-208-0304</t>
  </si>
  <si>
    <t xml:space="preserve">628 California Ave </t>
  </si>
  <si>
    <t>Venice</t>
  </si>
  <si>
    <t>800-936-3022</t>
  </si>
  <si>
    <t xml:space="preserve">4601 NW 77th Ave </t>
  </si>
  <si>
    <t>Miami</t>
  </si>
  <si>
    <t>888-262-1292</t>
  </si>
  <si>
    <t>190 Bluegrass Valley Parkway</t>
  </si>
  <si>
    <t>Georgia</t>
  </si>
  <si>
    <t>808-430-9256</t>
  </si>
  <si>
    <t>3210 SE Corporate Woods Dr</t>
  </si>
  <si>
    <t>Iowa</t>
  </si>
  <si>
    <t>888-319-8933</t>
  </si>
  <si>
    <t>Washington</t>
  </si>
  <si>
    <t xml:space="preserve">250 H St PMB </t>
  </si>
  <si>
    <t>206-225-9101</t>
  </si>
  <si>
    <t>3200 Guasti Rd Ste 100 Unit 56</t>
  </si>
  <si>
    <t xml:space="preserve">1105 E Levee St </t>
  </si>
  <si>
    <t>Dallas</t>
  </si>
  <si>
    <t>818-201-805</t>
  </si>
  <si>
    <t xml:space="preserve">P.O. BOX 5435 </t>
  </si>
  <si>
    <t>Newport Beach</t>
  </si>
  <si>
    <t>657-946-5805</t>
  </si>
  <si>
    <t xml:space="preserve">550 W Merrill St Ste 100 </t>
  </si>
  <si>
    <t xml:space="preserve">Missouri </t>
  </si>
  <si>
    <t>760-338-4341</t>
  </si>
  <si>
    <t>15431 Anacapa Rd Ste D</t>
  </si>
  <si>
    <t>Unable to provide service</t>
  </si>
  <si>
    <t xml:space="preserve">Apex </t>
  </si>
  <si>
    <t xml:space="preserve">Erica Graham-Bullock DBA Erica B Independent Living Facility </t>
  </si>
  <si>
    <t>Poppy Life Care Inc</t>
  </si>
  <si>
    <t xml:space="preserve">3656 Ginger St </t>
  </si>
  <si>
    <t>Perris</t>
  </si>
  <si>
    <t>951-226-1750</t>
  </si>
  <si>
    <t>1441 Superior Ave Ste A</t>
  </si>
  <si>
    <t>949-393-2240</t>
  </si>
  <si>
    <t>1710336094</t>
  </si>
  <si>
    <t>619-738-5566</t>
  </si>
  <si>
    <t>8350 Archibald Ste 110</t>
  </si>
  <si>
    <t xml:space="preserve">Rancho Cucamonga </t>
  </si>
  <si>
    <t>24Hr HomeCare</t>
  </si>
  <si>
    <t>AccentCare of California Inc</t>
  </si>
  <si>
    <t>Cambrian Homecare LLC</t>
  </si>
  <si>
    <t>Care at Home LLC</t>
  </si>
  <si>
    <t>Elder Love USA Inc</t>
  </si>
  <si>
    <t>Krista Care</t>
  </si>
  <si>
    <t>Motherly Comfort Home Care LLC</t>
  </si>
  <si>
    <t>Home Care Providers DBA Western Healthcare Services LLC</t>
  </si>
  <si>
    <t>Care Partners At Home DBA Post Acute Care Partners Inc</t>
  </si>
  <si>
    <t xml:space="preserve">200 N Pacific Coast Hwy Ste300 </t>
  </si>
  <si>
    <t>El Segundo</t>
  </si>
  <si>
    <t>888-324-6225</t>
  </si>
  <si>
    <t>Los Angeles</t>
  </si>
  <si>
    <t>909-856-2810</t>
  </si>
  <si>
    <t>PO BOX 846194</t>
  </si>
  <si>
    <t>PO BOX 90158</t>
  </si>
  <si>
    <t>long Beach</t>
  </si>
  <si>
    <t>562-498-1800</t>
  </si>
  <si>
    <t>1181 California Ave Ste 170</t>
  </si>
  <si>
    <t>951-305-8990</t>
  </si>
  <si>
    <t>150 Paularino Ave Se D182</t>
  </si>
  <si>
    <t>Costa Mesa</t>
  </si>
  <si>
    <t>949-774-2430</t>
  </si>
  <si>
    <t xml:space="preserve">41550 Electric St </t>
  </si>
  <si>
    <t>Palm Desert</t>
  </si>
  <si>
    <t>88-336-8322</t>
  </si>
  <si>
    <t>259 S Randolph Ave Ste 180K</t>
  </si>
  <si>
    <t>Brea</t>
  </si>
  <si>
    <t>714-671-6877</t>
  </si>
  <si>
    <t xml:space="preserve">4601 NW 77th </t>
  </si>
  <si>
    <t>818-484-3885</t>
  </si>
  <si>
    <t>630 W Duarte Rd Ste 206</t>
  </si>
  <si>
    <t>Arcadia</t>
  </si>
  <si>
    <t>626-461-5364</t>
  </si>
  <si>
    <t xml:space="preserve">Upland </t>
  </si>
  <si>
    <t xml:space="preserve">1092 E 9TH ST </t>
  </si>
  <si>
    <t>3200 E Guasti Rd Ste 100, Unit 56</t>
  </si>
  <si>
    <t>909652-4407</t>
  </si>
  <si>
    <t>Breathe Southern California</t>
  </si>
  <si>
    <t>See Three Industries</t>
  </si>
  <si>
    <t>Sigma Beta Xi Inc</t>
  </si>
  <si>
    <t>5858 Wilshire Blvd Ste 300</t>
  </si>
  <si>
    <t>323-556-3778</t>
  </si>
  <si>
    <t>PO BOX 449</t>
  </si>
  <si>
    <t xml:space="preserve">12495 Limonite Ave Ste 1091 </t>
  </si>
  <si>
    <t>Eastvale</t>
  </si>
  <si>
    <t>909-573-5690</t>
  </si>
  <si>
    <t xml:space="preserve">16641 Perris Blvd </t>
  </si>
  <si>
    <t>909414-6047</t>
  </si>
  <si>
    <t>Rolling Start Inc</t>
  </si>
  <si>
    <t>Mira Loma</t>
  </si>
  <si>
    <t>90796-6381</t>
  </si>
  <si>
    <t>1955 Hunts Ln St 101</t>
  </si>
  <si>
    <t>909-890-9516</t>
  </si>
  <si>
    <t>12495 Limonite Ave Ste 1091</t>
  </si>
  <si>
    <t>909-5735690</t>
  </si>
  <si>
    <t>Coraon</t>
  </si>
  <si>
    <t xml:space="preserve">10001 County Farm Rd </t>
  </si>
  <si>
    <t>Connections Home Care Consultants</t>
  </si>
  <si>
    <t>Institute on Aging Southern California</t>
  </si>
  <si>
    <t>1763 E Sandalwood Dr</t>
  </si>
  <si>
    <t>800-330-5993</t>
  </si>
  <si>
    <t>473 E Carnegie DR Ste 200</t>
  </si>
  <si>
    <t>619-540-6205</t>
  </si>
  <si>
    <t>St Vincent Preventative Family Care DBA Vincent Seaborn</t>
  </si>
  <si>
    <t xml:space="preserve">Both </t>
  </si>
  <si>
    <t xml:space="preserve">1221 W 3rd St </t>
  </si>
  <si>
    <t>901-337-3003</t>
  </si>
  <si>
    <t>765 N Main St Ste 31-B16</t>
  </si>
  <si>
    <t>765 N Main St Ste 131-B19</t>
  </si>
  <si>
    <t>765 N Main St Ste 131-B16</t>
  </si>
  <si>
    <t xml:space="preserve">765 N Main St Ste 131-B16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9" x14ac:knownFonts="1">
    <font>
      <sz val="11"/>
      <color theme="1"/>
      <name val="Calibri"/>
      <family val="2"/>
      <scheme val="minor"/>
    </font>
    <font>
      <b/>
      <sz val="11"/>
      <name val="Calibri"/>
    </font>
    <font>
      <sz val="11"/>
      <color rgb="FFFF0000"/>
      <name val="Calibri"/>
      <family val="2"/>
      <scheme val="minor"/>
    </font>
    <font>
      <sz val="11"/>
      <color rgb="FF000000"/>
      <name val="Calibri"/>
      <family val="2"/>
      <scheme val="minor"/>
    </font>
    <font>
      <sz val="11"/>
      <name val="Calibri"/>
      <family val="2"/>
      <scheme val="minor"/>
    </font>
    <font>
      <sz val="11"/>
      <color rgb="FF242424"/>
      <name val="Aptos Narrow"/>
      <family val="2"/>
    </font>
    <font>
      <sz val="8"/>
      <name val="Calibri"/>
      <family val="2"/>
      <scheme val="minor"/>
    </font>
    <font>
      <b/>
      <sz val="11"/>
      <name val="Calibri"/>
      <family val="2"/>
    </font>
    <font>
      <sz val="11"/>
      <name val="Calibri"/>
      <family val="2"/>
      <scheme val="minor"/>
    </font>
  </fonts>
  <fills count="5">
    <fill>
      <patternFill patternType="none"/>
    </fill>
    <fill>
      <patternFill patternType="gray125"/>
    </fill>
    <fill>
      <patternFill patternType="solid">
        <fgColor theme="0"/>
        <bgColor rgb="FF000000"/>
      </patternFill>
    </fill>
    <fill>
      <patternFill patternType="solid">
        <fgColor theme="0"/>
        <bgColor indexed="64"/>
      </patternFill>
    </fill>
    <fill>
      <patternFill patternType="solid">
        <fgColor theme="0"/>
        <bgColor rgb="FFC0C0C0"/>
      </patternFill>
    </fill>
  </fills>
  <borders count="1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/>
      <diagonal/>
    </border>
    <border>
      <left style="thin">
        <color rgb="FF000000"/>
      </left>
      <right style="thin">
        <color rgb="FF000000"/>
      </right>
      <top/>
      <bottom style="thin">
        <color rgb="FF000000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rgb="FF000000"/>
      </left>
      <right/>
      <top style="thin">
        <color rgb="FF000000"/>
      </top>
      <bottom style="thin">
        <color rgb="FF000000"/>
      </bottom>
      <diagonal/>
    </border>
    <border>
      <left style="thin">
        <color rgb="FF000000"/>
      </left>
      <right/>
      <top style="thin">
        <color rgb="FF000000"/>
      </top>
      <bottom/>
      <diagonal/>
    </border>
  </borders>
  <cellStyleXfs count="1">
    <xf numFmtId="0" fontId="0" fillId="0" borderId="0"/>
  </cellStyleXfs>
  <cellXfs count="68">
    <xf numFmtId="0" fontId="0" fillId="0" borderId="0" xfId="0"/>
    <xf numFmtId="0" fontId="1" fillId="0" borderId="1" xfId="0" applyFont="1" applyBorder="1" applyAlignment="1">
      <alignment horizontal="center" vertical="top"/>
    </xf>
    <xf numFmtId="0" fontId="3" fillId="2" borderId="1" xfId="0" applyFont="1" applyFill="1" applyBorder="1" applyAlignment="1">
      <alignment horizontal="center" vertical="center" wrapText="1"/>
    </xf>
    <xf numFmtId="0" fontId="3" fillId="2" borderId="6" xfId="0" applyFont="1" applyFill="1" applyBorder="1" applyAlignment="1">
      <alignment horizontal="center" vertical="center" wrapText="1"/>
    </xf>
    <xf numFmtId="0" fontId="3" fillId="2" borderId="1" xfId="0" applyFont="1" applyFill="1" applyBorder="1" applyAlignment="1">
      <alignment horizontal="center" vertical="center"/>
    </xf>
    <xf numFmtId="0" fontId="3" fillId="2" borderId="7" xfId="0" applyFont="1" applyFill="1" applyBorder="1" applyAlignment="1">
      <alignment horizontal="center" vertical="center" wrapText="1"/>
    </xf>
    <xf numFmtId="0" fontId="4" fillId="2" borderId="7" xfId="0" applyFont="1" applyFill="1" applyBorder="1" applyAlignment="1">
      <alignment horizontal="center" vertical="center" wrapText="1"/>
    </xf>
    <xf numFmtId="0" fontId="2" fillId="2" borderId="1" xfId="0" applyFont="1" applyFill="1" applyBorder="1" applyAlignment="1">
      <alignment horizontal="center" vertical="center" wrapText="1"/>
    </xf>
    <xf numFmtId="0" fontId="4" fillId="2" borderId="1" xfId="0" applyFont="1" applyFill="1" applyBorder="1" applyAlignment="1">
      <alignment horizontal="center" vertical="center" wrapText="1"/>
    </xf>
    <xf numFmtId="0" fontId="4" fillId="2" borderId="8" xfId="0" applyFont="1" applyFill="1" applyBorder="1" applyAlignment="1">
      <alignment horizontal="center" vertical="center" wrapText="1"/>
    </xf>
    <xf numFmtId="0" fontId="0" fillId="0" borderId="1" xfId="0" applyBorder="1"/>
    <xf numFmtId="0" fontId="0" fillId="3" borderId="1" xfId="0" applyFill="1" applyBorder="1" applyAlignment="1">
      <alignment horizontal="center"/>
    </xf>
    <xf numFmtId="0" fontId="3" fillId="3" borderId="1" xfId="0" applyFont="1" applyFill="1" applyBorder="1" applyAlignment="1">
      <alignment horizontal="center"/>
    </xf>
    <xf numFmtId="0" fontId="5" fillId="3" borderId="1" xfId="0" applyFont="1" applyFill="1" applyBorder="1" applyAlignment="1">
      <alignment horizontal="center"/>
    </xf>
    <xf numFmtId="0" fontId="5" fillId="0" borderId="0" xfId="0" applyFont="1" applyAlignment="1">
      <alignment horizontal="center"/>
    </xf>
    <xf numFmtId="0" fontId="0" fillId="0" borderId="1" xfId="0" applyBorder="1" applyAlignment="1">
      <alignment horizontal="center"/>
    </xf>
    <xf numFmtId="0" fontId="3" fillId="2" borderId="6" xfId="0" applyFont="1" applyFill="1" applyBorder="1" applyAlignment="1">
      <alignment horizontal="center" vertical="center"/>
    </xf>
    <xf numFmtId="0" fontId="0" fillId="0" borderId="6" xfId="0" applyBorder="1"/>
    <xf numFmtId="0" fontId="0" fillId="0" borderId="1" xfId="0" applyBorder="1" applyAlignment="1">
      <alignment wrapText="1"/>
    </xf>
    <xf numFmtId="0" fontId="0" fillId="0" borderId="9" xfId="0" applyFill="1" applyBorder="1"/>
    <xf numFmtId="0" fontId="4" fillId="0" borderId="1" xfId="0" applyFont="1" applyBorder="1"/>
    <xf numFmtId="0" fontId="4" fillId="2" borderId="10" xfId="0" applyFont="1" applyFill="1" applyBorder="1" applyAlignment="1">
      <alignment horizontal="center" vertical="center" wrapText="1"/>
    </xf>
    <xf numFmtId="0" fontId="4" fillId="2" borderId="1" xfId="0" applyFont="1" applyFill="1" applyBorder="1" applyAlignment="1">
      <alignment horizontal="center" vertical="center"/>
    </xf>
    <xf numFmtId="0" fontId="4" fillId="2" borderId="6" xfId="0" applyFont="1" applyFill="1" applyBorder="1" applyAlignment="1">
      <alignment horizontal="center" vertical="center"/>
    </xf>
    <xf numFmtId="0" fontId="4" fillId="2" borderId="6" xfId="0" applyFont="1" applyFill="1" applyBorder="1" applyAlignment="1">
      <alignment horizontal="center" vertical="center" wrapText="1"/>
    </xf>
    <xf numFmtId="0" fontId="4" fillId="3" borderId="1" xfId="0" applyFont="1" applyFill="1" applyBorder="1" applyAlignment="1">
      <alignment horizontal="center"/>
    </xf>
    <xf numFmtId="0" fontId="4" fillId="3" borderId="1" xfId="0" applyFont="1" applyFill="1" applyBorder="1" applyAlignment="1">
      <alignment horizontal="center" wrapText="1"/>
    </xf>
    <xf numFmtId="0" fontId="4" fillId="2" borderId="1" xfId="0" applyFont="1" applyFill="1" applyBorder="1" applyAlignment="1">
      <alignment horizontal="center" wrapText="1"/>
    </xf>
    <xf numFmtId="0" fontId="4" fillId="2" borderId="11" xfId="0" applyFont="1" applyFill="1" applyBorder="1" applyAlignment="1">
      <alignment horizontal="center" wrapText="1"/>
    </xf>
    <xf numFmtId="0" fontId="7" fillId="0" borderId="1" xfId="0" applyFont="1" applyBorder="1" applyAlignment="1">
      <alignment horizontal="center" vertical="top"/>
    </xf>
    <xf numFmtId="0" fontId="4" fillId="2" borderId="8" xfId="0" applyFont="1" applyFill="1" applyBorder="1" applyAlignment="1">
      <alignment horizontal="center" vertical="center"/>
    </xf>
    <xf numFmtId="0" fontId="8" fillId="3" borderId="1" xfId="0" applyFont="1" applyFill="1" applyBorder="1"/>
    <xf numFmtId="0" fontId="4" fillId="2" borderId="6" xfId="0" applyFont="1" applyFill="1" applyBorder="1" applyAlignment="1">
      <alignment horizontal="center" wrapText="1"/>
    </xf>
    <xf numFmtId="0" fontId="0" fillId="0" borderId="1" xfId="0" applyBorder="1" applyAlignment="1"/>
    <xf numFmtId="0" fontId="4" fillId="0" borderId="1" xfId="0" applyFont="1" applyBorder="1" applyAlignment="1"/>
    <xf numFmtId="0" fontId="4" fillId="0" borderId="1" xfId="0" applyFont="1" applyBorder="1" applyAlignment="1">
      <alignment horizontal="center"/>
    </xf>
    <xf numFmtId="0" fontId="4" fillId="2" borderId="1" xfId="0" applyFont="1" applyFill="1" applyBorder="1" applyAlignment="1">
      <alignment horizontal="center"/>
    </xf>
    <xf numFmtId="0" fontId="4" fillId="0" borderId="1" xfId="0" applyFont="1" applyBorder="1" applyAlignment="1">
      <alignment horizontal="center" vertical="center"/>
    </xf>
    <xf numFmtId="49" fontId="4" fillId="2" borderId="1" xfId="0" applyNumberFormat="1" applyFont="1" applyFill="1" applyBorder="1" applyAlignment="1">
      <alignment horizontal="center"/>
    </xf>
    <xf numFmtId="49" fontId="4" fillId="2" borderId="1" xfId="0" applyNumberFormat="1" applyFont="1" applyFill="1" applyBorder="1" applyAlignment="1">
      <alignment horizontal="center" wrapText="1"/>
    </xf>
    <xf numFmtId="0" fontId="1" fillId="0" borderId="1" xfId="0" applyFont="1" applyBorder="1" applyAlignment="1">
      <alignment horizontal="center"/>
    </xf>
    <xf numFmtId="0" fontId="0" fillId="0" borderId="0" xfId="0" applyAlignment="1"/>
    <xf numFmtId="0" fontId="4" fillId="2" borderId="6" xfId="0" applyFont="1" applyFill="1" applyBorder="1" applyAlignment="1">
      <alignment horizontal="center"/>
    </xf>
    <xf numFmtId="0" fontId="4" fillId="3" borderId="1" xfId="0" applyFont="1" applyFill="1" applyBorder="1" applyAlignment="1"/>
    <xf numFmtId="0" fontId="4" fillId="2" borderId="6" xfId="0" applyFont="1" applyFill="1" applyBorder="1" applyAlignment="1"/>
    <xf numFmtId="0" fontId="4" fillId="2" borderId="1" xfId="0" applyFont="1" applyFill="1" applyBorder="1" applyAlignment="1"/>
    <xf numFmtId="0" fontId="0" fillId="3" borderId="1" xfId="0" applyFill="1" applyBorder="1" applyAlignment="1"/>
    <xf numFmtId="0" fontId="3" fillId="2" borderId="1" xfId="0" applyFont="1" applyFill="1" applyBorder="1" applyAlignment="1">
      <alignment wrapText="1"/>
    </xf>
    <xf numFmtId="0" fontId="4" fillId="2" borderId="1" xfId="0" applyFont="1" applyFill="1" applyBorder="1" applyAlignment="1">
      <alignment wrapText="1"/>
    </xf>
    <xf numFmtId="0" fontId="4" fillId="3" borderId="1" xfId="0" applyFont="1" applyFill="1" applyBorder="1" applyAlignment="1">
      <alignment wrapText="1"/>
    </xf>
    <xf numFmtId="0" fontId="3" fillId="3" borderId="1" xfId="0" applyFont="1" applyFill="1" applyBorder="1" applyAlignment="1"/>
    <xf numFmtId="0" fontId="4" fillId="4" borderId="1" xfId="0" applyFont="1" applyFill="1" applyBorder="1" applyAlignment="1">
      <alignment horizontal="center" vertical="center" wrapText="1"/>
    </xf>
    <xf numFmtId="0" fontId="4" fillId="2" borderId="3" xfId="0" applyFont="1" applyFill="1" applyBorder="1" applyAlignment="1">
      <alignment horizontal="center" vertical="center"/>
    </xf>
    <xf numFmtId="0" fontId="4" fillId="4" borderId="1" xfId="0" applyFont="1" applyFill="1" applyBorder="1" applyAlignment="1">
      <alignment horizontal="center" vertical="center"/>
    </xf>
    <xf numFmtId="0" fontId="4" fillId="4" borderId="8" xfId="0" applyFont="1" applyFill="1" applyBorder="1" applyAlignment="1">
      <alignment horizontal="center" vertical="center"/>
    </xf>
    <xf numFmtId="0" fontId="4" fillId="3" borderId="1" xfId="0" applyFont="1" applyFill="1" applyBorder="1"/>
    <xf numFmtId="0" fontId="4" fillId="2" borderId="3" xfId="0" applyFont="1" applyFill="1" applyBorder="1" applyAlignment="1">
      <alignment horizontal="center"/>
    </xf>
    <xf numFmtId="0" fontId="3" fillId="2" borderId="6" xfId="0" applyFont="1" applyFill="1" applyBorder="1" applyAlignment="1">
      <alignment horizontal="center"/>
    </xf>
    <xf numFmtId="0" fontId="4" fillId="2" borderId="8" xfId="0" applyFont="1" applyFill="1" applyBorder="1" applyAlignment="1">
      <alignment horizontal="center"/>
    </xf>
    <xf numFmtId="0" fontId="4" fillId="2" borderId="2" xfId="0" applyFont="1" applyFill="1" applyBorder="1" applyAlignment="1">
      <alignment horizontal="center" vertical="center"/>
    </xf>
    <xf numFmtId="0" fontId="4" fillId="2" borderId="4" xfId="0" applyFont="1" applyFill="1" applyBorder="1" applyAlignment="1">
      <alignment horizontal="center" vertical="center"/>
    </xf>
    <xf numFmtId="0" fontId="3" fillId="2" borderId="2" xfId="0" applyFont="1" applyFill="1" applyBorder="1" applyAlignment="1">
      <alignment horizontal="center" wrapText="1"/>
    </xf>
    <xf numFmtId="0" fontId="4" fillId="2" borderId="2" xfId="0" applyFont="1" applyFill="1" applyBorder="1" applyAlignment="1">
      <alignment horizontal="center"/>
    </xf>
    <xf numFmtId="0" fontId="4" fillId="2" borderId="4" xfId="0" applyFont="1" applyFill="1" applyBorder="1" applyAlignment="1">
      <alignment horizontal="center"/>
    </xf>
    <xf numFmtId="0" fontId="1" fillId="0" borderId="5" xfId="0" applyFont="1" applyBorder="1" applyAlignment="1">
      <alignment horizontal="center" vertical="top"/>
    </xf>
    <xf numFmtId="0" fontId="7" fillId="0" borderId="5" xfId="0" applyFont="1" applyBorder="1" applyAlignment="1">
      <alignment horizontal="center" vertical="top"/>
    </xf>
    <xf numFmtId="0" fontId="4" fillId="2" borderId="7" xfId="0" applyFont="1" applyFill="1" applyBorder="1" applyAlignment="1">
      <alignment horizontal="center" wrapText="1"/>
    </xf>
    <xf numFmtId="0" fontId="3" fillId="2" borderId="1" xfId="0" applyFont="1" applyFill="1" applyBorder="1" applyAlignment="1"/>
  </cellXfs>
  <cellStyles count="1">
    <cellStyle name="Normal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6" Type="http://schemas.openxmlformats.org/officeDocument/2006/relationships/styles" Target="style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theme" Target="theme/theme1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K37"/>
  <sheetViews>
    <sheetView workbookViewId="0">
      <pane ySplit="1" topLeftCell="A17" activePane="bottomLeft" state="frozen"/>
      <selection pane="bottomLeft" activeCell="B36" sqref="B36"/>
    </sheetView>
  </sheetViews>
  <sheetFormatPr defaultRowHeight="15" x14ac:dyDescent="0.25"/>
  <cols>
    <col min="1" max="1" width="27.28515625" bestFit="1" customWidth="1"/>
    <col min="2" max="2" width="31.85546875" bestFit="1" customWidth="1"/>
    <col min="3" max="3" width="18.28515625" bestFit="1" customWidth="1"/>
    <col min="4" max="4" width="13.28515625" bestFit="1" customWidth="1"/>
    <col min="5" max="5" width="19.140625" bestFit="1" customWidth="1"/>
    <col min="6" max="6" width="16.28515625" bestFit="1" customWidth="1"/>
    <col min="7" max="7" width="18.140625" bestFit="1" customWidth="1"/>
    <col min="8" max="8" width="9.140625" bestFit="1" customWidth="1"/>
    <col min="9" max="9" width="51.28515625" bestFit="1" customWidth="1"/>
    <col min="10" max="10" width="59.7109375" bestFit="1" customWidth="1"/>
    <col min="11" max="11" width="23.28515625" bestFit="1" customWidth="1"/>
  </cols>
  <sheetData>
    <row r="1" spans="1:11" x14ac:dyDescent="0.25">
      <c r="A1" s="1" t="s">
        <v>0</v>
      </c>
      <c r="B1" s="1" t="s">
        <v>1</v>
      </c>
      <c r="C1" s="1" t="s">
        <v>2</v>
      </c>
      <c r="D1" s="1" t="s">
        <v>3</v>
      </c>
      <c r="E1" s="1" t="s">
        <v>4</v>
      </c>
      <c r="F1" s="1" t="s">
        <v>5</v>
      </c>
      <c r="G1" s="1" t="s">
        <v>6</v>
      </c>
      <c r="H1" s="1" t="s">
        <v>11</v>
      </c>
      <c r="I1" s="1" t="s">
        <v>8</v>
      </c>
      <c r="J1" s="1" t="s">
        <v>9</v>
      </c>
      <c r="K1" s="1" t="s">
        <v>10</v>
      </c>
    </row>
    <row r="2" spans="1:11" x14ac:dyDescent="0.25">
      <c r="A2" s="2" t="s">
        <v>12</v>
      </c>
      <c r="B2" s="11" t="s">
        <v>49</v>
      </c>
      <c r="C2" s="10" t="s">
        <v>47</v>
      </c>
      <c r="D2" s="10">
        <v>92308</v>
      </c>
      <c r="E2" s="10" t="s">
        <v>104</v>
      </c>
      <c r="F2" s="16">
        <v>1215529201</v>
      </c>
      <c r="G2" s="10" t="s">
        <v>138</v>
      </c>
      <c r="H2" s="10" t="s">
        <v>134</v>
      </c>
      <c r="I2" s="10"/>
    </row>
    <row r="3" spans="1:11" ht="30" x14ac:dyDescent="0.25">
      <c r="A3" s="2" t="s">
        <v>13</v>
      </c>
      <c r="B3" s="2" t="s">
        <v>50</v>
      </c>
      <c r="C3" s="10" t="s">
        <v>47</v>
      </c>
      <c r="D3" s="10">
        <v>92308</v>
      </c>
      <c r="E3" s="10" t="s">
        <v>104</v>
      </c>
      <c r="F3" s="16">
        <v>1164228656</v>
      </c>
      <c r="G3" s="10" t="s">
        <v>138</v>
      </c>
      <c r="H3" s="10" t="s">
        <v>134</v>
      </c>
      <c r="I3" s="10"/>
    </row>
    <row r="4" spans="1:11" x14ac:dyDescent="0.25">
      <c r="A4" s="8" t="s">
        <v>14</v>
      </c>
      <c r="B4" s="8" t="s">
        <v>51</v>
      </c>
      <c r="C4" s="20" t="s">
        <v>48</v>
      </c>
      <c r="D4" s="20">
        <v>92703</v>
      </c>
      <c r="E4" s="20" t="s">
        <v>105</v>
      </c>
      <c r="F4" s="21">
        <v>1588361158</v>
      </c>
      <c r="G4" s="10" t="s">
        <v>138</v>
      </c>
      <c r="H4" s="10" t="s">
        <v>133</v>
      </c>
      <c r="I4" s="10"/>
    </row>
    <row r="5" spans="1:11" x14ac:dyDescent="0.25">
      <c r="A5" s="8" t="s">
        <v>15</v>
      </c>
      <c r="B5" s="22" t="s">
        <v>55</v>
      </c>
      <c r="C5" s="20" t="s">
        <v>52</v>
      </c>
      <c r="D5" s="20">
        <v>92345</v>
      </c>
      <c r="E5" s="20" t="s">
        <v>106</v>
      </c>
      <c r="F5" s="23">
        <v>1962286971</v>
      </c>
      <c r="G5" s="10" t="s">
        <v>138</v>
      </c>
      <c r="H5" s="10" t="s">
        <v>131</v>
      </c>
      <c r="I5" s="10" t="s">
        <v>137</v>
      </c>
    </row>
    <row r="6" spans="1:11" x14ac:dyDescent="0.25">
      <c r="A6" s="8" t="s">
        <v>16</v>
      </c>
      <c r="B6" s="8" t="s">
        <v>54</v>
      </c>
      <c r="C6" s="20" t="s">
        <v>53</v>
      </c>
      <c r="D6" s="20">
        <v>92507</v>
      </c>
      <c r="E6" s="20" t="s">
        <v>106</v>
      </c>
      <c r="F6" s="24">
        <v>1174371025</v>
      </c>
      <c r="G6" s="10" t="s">
        <v>138</v>
      </c>
      <c r="H6" s="10" t="s">
        <v>131</v>
      </c>
      <c r="I6" s="10" t="s">
        <v>137</v>
      </c>
    </row>
    <row r="7" spans="1:11" ht="30" x14ac:dyDescent="0.25">
      <c r="A7" s="8" t="s">
        <v>17</v>
      </c>
      <c r="B7" s="25" t="s">
        <v>57</v>
      </c>
      <c r="C7" s="20" t="s">
        <v>56</v>
      </c>
      <c r="D7" s="20">
        <v>91345</v>
      </c>
      <c r="E7" s="20" t="s">
        <v>107</v>
      </c>
      <c r="F7" s="24">
        <v>1700555042</v>
      </c>
      <c r="G7" s="10" t="s">
        <v>138</v>
      </c>
      <c r="H7" s="10" t="s">
        <v>134</v>
      </c>
      <c r="I7" s="10"/>
    </row>
    <row r="8" spans="1:11" x14ac:dyDescent="0.25">
      <c r="A8" s="8" t="s">
        <v>18</v>
      </c>
      <c r="B8" s="25" t="s">
        <v>58</v>
      </c>
      <c r="C8" s="20" t="s">
        <v>53</v>
      </c>
      <c r="D8" s="20">
        <v>92513</v>
      </c>
      <c r="E8" s="20" t="s">
        <v>108</v>
      </c>
      <c r="F8" s="23">
        <v>1598195562</v>
      </c>
      <c r="G8" s="10" t="s">
        <v>53</v>
      </c>
      <c r="H8" s="10" t="s">
        <v>134</v>
      </c>
      <c r="I8" s="10"/>
    </row>
    <row r="9" spans="1:11" x14ac:dyDescent="0.25">
      <c r="A9" s="8" t="s">
        <v>19</v>
      </c>
      <c r="B9" s="22" t="s">
        <v>59</v>
      </c>
      <c r="C9" s="20" t="s">
        <v>52</v>
      </c>
      <c r="D9" s="20">
        <v>92345</v>
      </c>
      <c r="E9" s="20" t="s">
        <v>106</v>
      </c>
      <c r="F9" s="23">
        <v>1619706314</v>
      </c>
      <c r="G9" s="10" t="s">
        <v>138</v>
      </c>
      <c r="H9" s="10" t="s">
        <v>131</v>
      </c>
      <c r="I9" s="10" t="s">
        <v>137</v>
      </c>
    </row>
    <row r="10" spans="1:11" ht="30" x14ac:dyDescent="0.25">
      <c r="A10" s="8" t="s">
        <v>20</v>
      </c>
      <c r="B10" s="8" t="s">
        <v>62</v>
      </c>
      <c r="C10" s="20" t="s">
        <v>60</v>
      </c>
      <c r="D10" s="20">
        <v>92402</v>
      </c>
      <c r="E10" s="20" t="s">
        <v>109</v>
      </c>
      <c r="F10" s="24">
        <v>1801486295</v>
      </c>
      <c r="G10" s="10" t="s">
        <v>138</v>
      </c>
      <c r="H10" s="10" t="s">
        <v>133</v>
      </c>
      <c r="I10" s="10"/>
    </row>
    <row r="11" spans="1:11" x14ac:dyDescent="0.25">
      <c r="A11" s="8" t="s">
        <v>21</v>
      </c>
      <c r="B11" s="8" t="s">
        <v>63</v>
      </c>
      <c r="C11" s="20" t="s">
        <v>61</v>
      </c>
      <c r="D11" s="20">
        <v>92373</v>
      </c>
      <c r="E11" s="20" t="s">
        <v>110</v>
      </c>
      <c r="F11" s="24">
        <v>1235951914</v>
      </c>
      <c r="G11" s="10" t="s">
        <v>138</v>
      </c>
      <c r="H11" s="10" t="s">
        <v>134</v>
      </c>
      <c r="I11" s="10"/>
    </row>
    <row r="12" spans="1:11" x14ac:dyDescent="0.25">
      <c r="A12" s="8" t="s">
        <v>22</v>
      </c>
      <c r="B12" s="8" t="s">
        <v>66</v>
      </c>
      <c r="C12" s="20" t="s">
        <v>64</v>
      </c>
      <c r="D12" s="20">
        <v>92545</v>
      </c>
      <c r="E12" s="20" t="s">
        <v>110</v>
      </c>
      <c r="F12" s="24">
        <v>1215727805</v>
      </c>
      <c r="G12" s="10" t="s">
        <v>138</v>
      </c>
      <c r="H12" s="10" t="s">
        <v>134</v>
      </c>
      <c r="I12" s="10"/>
    </row>
    <row r="13" spans="1:11" x14ac:dyDescent="0.25">
      <c r="A13" s="8" t="s">
        <v>23</v>
      </c>
      <c r="B13" s="8" t="s">
        <v>68</v>
      </c>
      <c r="C13" s="20" t="s">
        <v>65</v>
      </c>
      <c r="D13" s="20">
        <v>92553</v>
      </c>
      <c r="E13" s="20" t="s">
        <v>110</v>
      </c>
      <c r="F13" s="24">
        <v>1487444071</v>
      </c>
      <c r="G13" s="10" t="s">
        <v>138</v>
      </c>
      <c r="H13" s="10" t="s">
        <v>134</v>
      </c>
      <c r="I13" s="10"/>
    </row>
    <row r="14" spans="1:11" x14ac:dyDescent="0.25">
      <c r="A14" s="8" t="s">
        <v>24</v>
      </c>
      <c r="B14" s="8" t="s">
        <v>67</v>
      </c>
      <c r="C14" s="20" t="s">
        <v>64</v>
      </c>
      <c r="D14" s="20">
        <v>92544</v>
      </c>
      <c r="E14" s="20" t="s">
        <v>110</v>
      </c>
      <c r="F14" s="24">
        <v>1013707611</v>
      </c>
      <c r="G14" s="10" t="s">
        <v>138</v>
      </c>
      <c r="H14" s="10" t="s">
        <v>134</v>
      </c>
      <c r="I14" s="10"/>
    </row>
    <row r="15" spans="1:11" ht="60" x14ac:dyDescent="0.25">
      <c r="A15" s="8" t="s">
        <v>25</v>
      </c>
      <c r="B15" s="8" t="s">
        <v>70</v>
      </c>
      <c r="C15" s="20" t="s">
        <v>69</v>
      </c>
      <c r="D15" s="20">
        <v>90806</v>
      </c>
      <c r="E15" s="20" t="s">
        <v>111</v>
      </c>
      <c r="F15" s="24">
        <v>1881360758</v>
      </c>
      <c r="G15" s="10" t="s">
        <v>138</v>
      </c>
      <c r="H15" s="10" t="s">
        <v>134</v>
      </c>
      <c r="I15" s="18" t="s">
        <v>136</v>
      </c>
    </row>
    <row r="16" spans="1:11" x14ac:dyDescent="0.25">
      <c r="A16" s="8" t="s">
        <v>26</v>
      </c>
      <c r="B16" s="25" t="s">
        <v>71</v>
      </c>
      <c r="C16" s="20" t="s">
        <v>60</v>
      </c>
      <c r="D16" s="20">
        <v>92408</v>
      </c>
      <c r="E16" s="20" t="s">
        <v>112</v>
      </c>
      <c r="F16" s="24">
        <v>1831722610</v>
      </c>
      <c r="G16" s="10" t="s">
        <v>138</v>
      </c>
      <c r="H16" s="10" t="s">
        <v>134</v>
      </c>
      <c r="I16" s="10" t="s">
        <v>135</v>
      </c>
    </row>
    <row r="17" spans="1:9" x14ac:dyDescent="0.25">
      <c r="A17" s="8" t="s">
        <v>27</v>
      </c>
      <c r="B17" s="26" t="s">
        <v>73</v>
      </c>
      <c r="C17" s="20" t="s">
        <v>72</v>
      </c>
      <c r="D17" s="20">
        <v>92324</v>
      </c>
      <c r="E17" s="20" t="s">
        <v>106</v>
      </c>
      <c r="F17" s="24">
        <v>1932927845</v>
      </c>
      <c r="G17" s="10" t="s">
        <v>138</v>
      </c>
      <c r="H17" s="10" t="s">
        <v>131</v>
      </c>
      <c r="I17" s="10" t="s">
        <v>137</v>
      </c>
    </row>
    <row r="18" spans="1:9" ht="45" x14ac:dyDescent="0.25">
      <c r="A18" s="8" t="s">
        <v>46</v>
      </c>
      <c r="B18" s="25" t="s">
        <v>76</v>
      </c>
      <c r="C18" s="20" t="s">
        <v>74</v>
      </c>
      <c r="D18" s="20">
        <v>92354</v>
      </c>
      <c r="E18" s="20" t="s">
        <v>113</v>
      </c>
      <c r="F18" s="24">
        <v>1134882970</v>
      </c>
      <c r="G18" s="10" t="s">
        <v>138</v>
      </c>
      <c r="H18" s="10" t="s">
        <v>134</v>
      </c>
      <c r="I18" s="10"/>
    </row>
    <row r="19" spans="1:9" ht="30" x14ac:dyDescent="0.25">
      <c r="A19" s="2" t="s">
        <v>28</v>
      </c>
      <c r="B19" s="11" t="s">
        <v>77</v>
      </c>
      <c r="C19" s="10" t="s">
        <v>75</v>
      </c>
      <c r="D19" s="10">
        <v>92123</v>
      </c>
      <c r="E19" s="10" t="s">
        <v>115</v>
      </c>
      <c r="F19" s="3">
        <v>1760477467</v>
      </c>
      <c r="G19" s="10" t="s">
        <v>138</v>
      </c>
      <c r="H19" s="10" t="s">
        <v>134</v>
      </c>
      <c r="I19" s="10"/>
    </row>
    <row r="20" spans="1:9" ht="30" x14ac:dyDescent="0.25">
      <c r="A20" s="2" t="s">
        <v>29</v>
      </c>
      <c r="B20" s="11" t="s">
        <v>81</v>
      </c>
      <c r="C20" s="10" t="s">
        <v>78</v>
      </c>
      <c r="D20" s="10">
        <v>92262</v>
      </c>
      <c r="E20" s="10" t="s">
        <v>114</v>
      </c>
      <c r="F20" s="3">
        <v>1598758179</v>
      </c>
      <c r="G20" s="10" t="s">
        <v>53</v>
      </c>
      <c r="H20" s="10" t="s">
        <v>134</v>
      </c>
      <c r="I20" s="10"/>
    </row>
    <row r="21" spans="1:9" ht="30" x14ac:dyDescent="0.25">
      <c r="A21" s="2" t="s">
        <v>30</v>
      </c>
      <c r="B21" s="12" t="s">
        <v>82</v>
      </c>
      <c r="C21" s="10" t="s">
        <v>72</v>
      </c>
      <c r="D21" s="10">
        <v>92324</v>
      </c>
      <c r="E21" s="10" t="s">
        <v>116</v>
      </c>
      <c r="F21" s="3">
        <v>1932868072</v>
      </c>
      <c r="G21" s="10" t="s">
        <v>138</v>
      </c>
      <c r="H21" s="10" t="s">
        <v>134</v>
      </c>
      <c r="I21" s="10"/>
    </row>
    <row r="22" spans="1:9" x14ac:dyDescent="0.25">
      <c r="A22" s="2" t="s">
        <v>31</v>
      </c>
      <c r="B22" s="12" t="s">
        <v>83</v>
      </c>
      <c r="C22" s="10" t="s">
        <v>79</v>
      </c>
      <c r="D22" s="10">
        <v>92201</v>
      </c>
      <c r="E22" s="10" t="s">
        <v>117</v>
      </c>
      <c r="F22" s="3">
        <v>1750508818</v>
      </c>
      <c r="G22" s="19" t="s">
        <v>53</v>
      </c>
      <c r="H22" s="10" t="s">
        <v>134</v>
      </c>
      <c r="I22" s="10"/>
    </row>
    <row r="23" spans="1:9" x14ac:dyDescent="0.25">
      <c r="A23" s="2" t="s">
        <v>32</v>
      </c>
      <c r="B23" s="13" t="s">
        <v>84</v>
      </c>
      <c r="C23" s="10" t="s">
        <v>80</v>
      </c>
      <c r="D23" s="10">
        <v>92252</v>
      </c>
      <c r="E23" s="10" t="s">
        <v>118</v>
      </c>
      <c r="F23" s="3">
        <v>1649963125</v>
      </c>
      <c r="G23" s="10" t="s">
        <v>60</v>
      </c>
      <c r="H23" s="10" t="s">
        <v>134</v>
      </c>
      <c r="I23" s="10"/>
    </row>
    <row r="24" spans="1:9" ht="30" x14ac:dyDescent="0.25">
      <c r="A24" s="2" t="s">
        <v>33</v>
      </c>
      <c r="B24" s="11" t="s">
        <v>85</v>
      </c>
      <c r="C24" s="10" t="s">
        <v>60</v>
      </c>
      <c r="D24" s="10">
        <v>92407</v>
      </c>
      <c r="E24" s="10" t="s">
        <v>119</v>
      </c>
      <c r="F24" s="16">
        <v>1477232387</v>
      </c>
      <c r="G24" s="10" t="s">
        <v>138</v>
      </c>
      <c r="H24" s="10" t="s">
        <v>134</v>
      </c>
      <c r="I24" s="10"/>
    </row>
    <row r="25" spans="1:9" x14ac:dyDescent="0.25">
      <c r="A25" s="2" t="s">
        <v>34</v>
      </c>
      <c r="B25" s="14" t="s">
        <v>86</v>
      </c>
      <c r="C25" s="10" t="s">
        <v>60</v>
      </c>
      <c r="D25" s="10">
        <v>92408</v>
      </c>
      <c r="E25" s="10" t="s">
        <v>120</v>
      </c>
      <c r="F25" s="3">
        <v>1912624891</v>
      </c>
      <c r="G25" s="10" t="s">
        <v>138</v>
      </c>
      <c r="H25" s="10" t="s">
        <v>134</v>
      </c>
      <c r="I25" s="10"/>
    </row>
    <row r="26" spans="1:9" x14ac:dyDescent="0.25">
      <c r="A26" s="2" t="s">
        <v>35</v>
      </c>
      <c r="B26" s="15" t="s">
        <v>87</v>
      </c>
      <c r="C26" s="10" t="s">
        <v>53</v>
      </c>
      <c r="D26" s="10">
        <v>92507</v>
      </c>
      <c r="E26" s="10" t="s">
        <v>121</v>
      </c>
      <c r="F26" s="3">
        <v>1629437314</v>
      </c>
      <c r="G26" s="10" t="s">
        <v>53</v>
      </c>
      <c r="H26" s="10" t="s">
        <v>134</v>
      </c>
      <c r="I26" s="10"/>
    </row>
    <row r="27" spans="1:9" ht="30" x14ac:dyDescent="0.25">
      <c r="A27" s="2" t="s">
        <v>36</v>
      </c>
      <c r="B27" s="2" t="s">
        <v>89</v>
      </c>
      <c r="C27" s="10" t="s">
        <v>88</v>
      </c>
      <c r="D27" s="10">
        <v>91761</v>
      </c>
      <c r="E27" s="10" t="s">
        <v>122</v>
      </c>
      <c r="F27" s="3">
        <v>1144928110</v>
      </c>
      <c r="G27" s="10" t="s">
        <v>138</v>
      </c>
      <c r="H27" s="10" t="s">
        <v>134</v>
      </c>
      <c r="I27" s="10"/>
    </row>
    <row r="28" spans="1:9" x14ac:dyDescent="0.25">
      <c r="A28" s="4" t="s">
        <v>37</v>
      </c>
      <c r="B28" s="15" t="s">
        <v>90</v>
      </c>
      <c r="C28" s="10" t="s">
        <v>75</v>
      </c>
      <c r="D28" s="10">
        <v>92108</v>
      </c>
      <c r="E28" s="10" t="s">
        <v>123</v>
      </c>
      <c r="F28" s="16">
        <v>1710336094</v>
      </c>
      <c r="G28" s="10" t="s">
        <v>60</v>
      </c>
      <c r="H28" s="10" t="s">
        <v>134</v>
      </c>
      <c r="I28" s="10"/>
    </row>
    <row r="29" spans="1:9" ht="45" x14ac:dyDescent="0.25">
      <c r="A29" s="2" t="s">
        <v>38</v>
      </c>
      <c r="B29" s="15" t="s">
        <v>91</v>
      </c>
      <c r="C29" s="10" t="s">
        <v>72</v>
      </c>
      <c r="D29" s="10">
        <v>92324</v>
      </c>
      <c r="E29" s="10" t="s">
        <v>124</v>
      </c>
      <c r="F29" s="3">
        <v>1851051551</v>
      </c>
      <c r="G29" s="10" t="s">
        <v>60</v>
      </c>
      <c r="H29" s="10" t="s">
        <v>134</v>
      </c>
      <c r="I29" s="10"/>
    </row>
    <row r="30" spans="1:9" ht="30" x14ac:dyDescent="0.25">
      <c r="A30" s="2" t="s">
        <v>39</v>
      </c>
      <c r="B30" s="15" t="s">
        <v>92</v>
      </c>
      <c r="C30" s="10" t="s">
        <v>93</v>
      </c>
      <c r="D30" s="10">
        <v>91730</v>
      </c>
      <c r="E30" s="10" t="s">
        <v>125</v>
      </c>
      <c r="F30" s="3">
        <v>1497379267</v>
      </c>
      <c r="G30" s="10" t="s">
        <v>60</v>
      </c>
      <c r="H30" s="10" t="s">
        <v>134</v>
      </c>
      <c r="I30" s="10"/>
    </row>
    <row r="31" spans="1:9" x14ac:dyDescent="0.25">
      <c r="A31" s="2" t="s">
        <v>40</v>
      </c>
      <c r="B31" s="15" t="s">
        <v>94</v>
      </c>
      <c r="C31" s="10" t="s">
        <v>95</v>
      </c>
      <c r="D31" s="10">
        <v>90401</v>
      </c>
      <c r="E31" s="10" t="s">
        <v>126</v>
      </c>
      <c r="F31" s="3">
        <v>1285186353</v>
      </c>
      <c r="G31" s="10" t="s">
        <v>138</v>
      </c>
      <c r="H31" s="10" t="s">
        <v>134</v>
      </c>
      <c r="I31" s="10"/>
    </row>
    <row r="32" spans="1:9" x14ac:dyDescent="0.25">
      <c r="A32" s="2" t="s">
        <v>41</v>
      </c>
      <c r="B32" s="15" t="s">
        <v>96</v>
      </c>
      <c r="C32" s="10" t="s">
        <v>97</v>
      </c>
      <c r="D32" s="10">
        <v>92392</v>
      </c>
      <c r="E32" s="10" t="s">
        <v>127</v>
      </c>
      <c r="F32" s="5">
        <v>1083362297</v>
      </c>
      <c r="G32" s="10" t="s">
        <v>138</v>
      </c>
      <c r="H32" s="10" t="s">
        <v>134</v>
      </c>
      <c r="I32" s="10"/>
    </row>
    <row r="33" spans="1:9" x14ac:dyDescent="0.25">
      <c r="A33" s="2" t="s">
        <v>41</v>
      </c>
      <c r="B33" s="15" t="s">
        <v>98</v>
      </c>
      <c r="C33" s="10" t="s">
        <v>97</v>
      </c>
      <c r="D33" s="10">
        <v>92395</v>
      </c>
      <c r="E33" s="10" t="s">
        <v>127</v>
      </c>
      <c r="F33" s="5">
        <v>1083362297</v>
      </c>
      <c r="G33" s="10" t="s">
        <v>138</v>
      </c>
      <c r="H33" s="10" t="s">
        <v>134</v>
      </c>
      <c r="I33" s="10"/>
    </row>
    <row r="34" spans="1:9" x14ac:dyDescent="0.25">
      <c r="A34" s="2" t="s">
        <v>41</v>
      </c>
      <c r="B34" s="15" t="s">
        <v>99</v>
      </c>
      <c r="C34" s="10" t="s">
        <v>97</v>
      </c>
      <c r="D34" s="10">
        <v>92395</v>
      </c>
      <c r="E34" s="10" t="s">
        <v>127</v>
      </c>
      <c r="F34" s="5">
        <v>1083362297</v>
      </c>
      <c r="G34" s="10" t="s">
        <v>138</v>
      </c>
      <c r="H34" s="10" t="s">
        <v>134</v>
      </c>
      <c r="I34" s="10"/>
    </row>
    <row r="35" spans="1:9" x14ac:dyDescent="0.25">
      <c r="A35" s="2" t="s">
        <v>42</v>
      </c>
      <c r="B35" s="15" t="s">
        <v>100</v>
      </c>
      <c r="C35" s="10" t="s">
        <v>101</v>
      </c>
      <c r="D35" s="10">
        <v>92867</v>
      </c>
      <c r="E35" s="10" t="s">
        <v>128</v>
      </c>
      <c r="F35" s="5">
        <v>1013256213</v>
      </c>
      <c r="G35" s="10" t="s">
        <v>138</v>
      </c>
      <c r="H35" s="10" t="s">
        <v>134</v>
      </c>
      <c r="I35" s="10"/>
    </row>
    <row r="36" spans="1:9" ht="30" x14ac:dyDescent="0.25">
      <c r="A36" s="8" t="s">
        <v>43</v>
      </c>
      <c r="B36" s="15" t="s">
        <v>284</v>
      </c>
      <c r="C36" s="10" t="s">
        <v>102</v>
      </c>
      <c r="D36" s="10">
        <v>92878</v>
      </c>
      <c r="E36" s="10" t="s">
        <v>129</v>
      </c>
      <c r="F36" s="6">
        <v>1811742687</v>
      </c>
      <c r="G36" s="10" t="s">
        <v>138</v>
      </c>
      <c r="H36" s="10" t="s">
        <v>134</v>
      </c>
      <c r="I36" s="10"/>
    </row>
    <row r="37" spans="1:9" ht="45" x14ac:dyDescent="0.25">
      <c r="A37" s="8" t="s">
        <v>44</v>
      </c>
      <c r="B37" s="15" t="s">
        <v>103</v>
      </c>
      <c r="C37" s="10" t="s">
        <v>53</v>
      </c>
      <c r="D37" s="10">
        <v>92501</v>
      </c>
      <c r="E37" s="10" t="s">
        <v>130</v>
      </c>
      <c r="F37" s="27">
        <v>1912415779</v>
      </c>
      <c r="G37" s="10" t="s">
        <v>138</v>
      </c>
      <c r="H37" s="10" t="s">
        <v>134</v>
      </c>
      <c r="I37" s="10"/>
    </row>
  </sheetData>
  <autoFilter ref="A1:K62" xr:uid="{00000000-0009-0000-0000-000001000000}"/>
  <dataValidations count="2">
    <dataValidation type="list" allowBlank="1" showInputMessage="1" showErrorMessage="1" sqref="I38:I62 G2:G21 G23:G37" xr:uid="{00000000-0002-0000-0100-000000000000}">
      <formula1>"San Bernardino,Riverside,Both"</formula1>
    </dataValidation>
    <dataValidation type="list" allowBlank="1" showInputMessage="1" showErrorMessage="1" sqref="J2:J62 H2:H37" xr:uid="{00000000-0002-0000-0100-000001000000}">
      <formula1>"Active,On Hold,Redirect,LOA,Termed"</formula1>
    </dataValidation>
  </dataValidations>
  <pageMargins left="0.75" right="0.75" top="1" bottom="1" header="0.5" footer="0.5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A00-000000000000}">
  <dimension ref="A1:I7"/>
  <sheetViews>
    <sheetView workbookViewId="0">
      <pane ySplit="1" topLeftCell="A2" activePane="bottomLeft" state="frozen"/>
      <selection pane="bottomLeft" activeCell="B2" sqref="B2:H2"/>
    </sheetView>
  </sheetViews>
  <sheetFormatPr defaultRowHeight="15" x14ac:dyDescent="0.25"/>
  <cols>
    <col min="1" max="1" width="30.42578125" bestFit="1" customWidth="1"/>
    <col min="2" max="2" width="30.85546875" bestFit="1" customWidth="1"/>
    <col min="3" max="3" width="14.5703125" bestFit="1" customWidth="1"/>
    <col min="4" max="4" width="13.28515625" bestFit="1" customWidth="1"/>
    <col min="5" max="5" width="19.140625" bestFit="1" customWidth="1"/>
    <col min="6" max="6" width="11" bestFit="1" customWidth="1"/>
    <col min="7" max="7" width="51.28515625" bestFit="1" customWidth="1"/>
    <col min="8" max="8" width="59.7109375" bestFit="1" customWidth="1"/>
    <col min="9" max="9" width="23.28515625" bestFit="1" customWidth="1"/>
  </cols>
  <sheetData>
    <row r="1" spans="1:9" x14ac:dyDescent="0.25">
      <c r="A1" s="1" t="s">
        <v>0</v>
      </c>
      <c r="B1" s="1" t="s">
        <v>1</v>
      </c>
      <c r="C1" s="1" t="s">
        <v>2</v>
      </c>
      <c r="D1" s="1" t="s">
        <v>3</v>
      </c>
      <c r="E1" s="1" t="s">
        <v>4</v>
      </c>
      <c r="F1" s="29" t="s">
        <v>45</v>
      </c>
      <c r="G1" s="1" t="s">
        <v>8</v>
      </c>
      <c r="H1" s="1" t="s">
        <v>9</v>
      </c>
      <c r="I1" s="1" t="s">
        <v>10</v>
      </c>
    </row>
    <row r="2" spans="1:9" x14ac:dyDescent="0.25">
      <c r="A2" s="8" t="s">
        <v>156</v>
      </c>
      <c r="B2" s="43" t="s">
        <v>168</v>
      </c>
      <c r="C2" s="43" t="s">
        <v>102</v>
      </c>
      <c r="D2" s="43">
        <v>92883</v>
      </c>
      <c r="E2" s="43" t="s">
        <v>169</v>
      </c>
      <c r="F2" s="45">
        <v>1437914843</v>
      </c>
      <c r="G2" s="55" t="s">
        <v>138</v>
      </c>
      <c r="H2" s="55" t="s">
        <v>134</v>
      </c>
    </row>
    <row r="3" spans="1:9" x14ac:dyDescent="0.25">
      <c r="A3" s="22" t="s">
        <v>253</v>
      </c>
      <c r="B3" s="43" t="s">
        <v>256</v>
      </c>
      <c r="C3" s="43" t="s">
        <v>227</v>
      </c>
      <c r="D3" s="43">
        <v>90036</v>
      </c>
      <c r="E3" s="43" t="s">
        <v>257</v>
      </c>
      <c r="F3" s="45">
        <v>1750020376</v>
      </c>
      <c r="G3" s="55" t="s">
        <v>138</v>
      </c>
      <c r="H3" s="55" t="s">
        <v>134</v>
      </c>
    </row>
    <row r="4" spans="1:9" ht="30" x14ac:dyDescent="0.25">
      <c r="A4" s="8" t="s">
        <v>20</v>
      </c>
      <c r="B4" s="43" t="s">
        <v>258</v>
      </c>
      <c r="C4" s="43" t="s">
        <v>60</v>
      </c>
      <c r="D4" s="43">
        <v>92402</v>
      </c>
      <c r="E4" s="43" t="s">
        <v>109</v>
      </c>
      <c r="F4" s="48">
        <v>1801486295</v>
      </c>
      <c r="G4" s="55" t="s">
        <v>138</v>
      </c>
      <c r="H4" s="55" t="s">
        <v>133</v>
      </c>
    </row>
    <row r="5" spans="1:9" ht="30" x14ac:dyDescent="0.25">
      <c r="A5" s="8" t="s">
        <v>36</v>
      </c>
      <c r="B5" s="46" t="s">
        <v>251</v>
      </c>
      <c r="C5" s="46" t="s">
        <v>88</v>
      </c>
      <c r="D5" s="46">
        <v>91761</v>
      </c>
      <c r="E5" s="46" t="s">
        <v>122</v>
      </c>
      <c r="F5" s="48">
        <v>1144928110</v>
      </c>
      <c r="G5" s="10" t="s">
        <v>138</v>
      </c>
      <c r="H5" s="55" t="s">
        <v>134</v>
      </c>
    </row>
    <row r="6" spans="1:9" x14ac:dyDescent="0.25">
      <c r="A6" s="8" t="s">
        <v>254</v>
      </c>
      <c r="B6" s="43" t="s">
        <v>259</v>
      </c>
      <c r="C6" s="43" t="s">
        <v>260</v>
      </c>
      <c r="D6" s="43">
        <v>91752</v>
      </c>
      <c r="E6" s="43" t="s">
        <v>261</v>
      </c>
      <c r="F6" s="45">
        <v>1407629074</v>
      </c>
      <c r="G6" s="55" t="s">
        <v>138</v>
      </c>
      <c r="H6" s="55" t="s">
        <v>134</v>
      </c>
    </row>
    <row r="7" spans="1:9" x14ac:dyDescent="0.25">
      <c r="A7" s="8" t="s">
        <v>255</v>
      </c>
      <c r="B7" s="43" t="s">
        <v>262</v>
      </c>
      <c r="C7" s="43" t="s">
        <v>65</v>
      </c>
      <c r="D7" s="43">
        <v>92551</v>
      </c>
      <c r="E7" s="43" t="s">
        <v>263</v>
      </c>
      <c r="F7" s="48">
        <v>1689309031</v>
      </c>
      <c r="G7" s="55" t="s">
        <v>138</v>
      </c>
      <c r="H7" s="55" t="s">
        <v>134</v>
      </c>
    </row>
  </sheetData>
  <autoFilter ref="A1:I62" xr:uid="{00000000-0009-0000-0000-00000A000000}"/>
  <dataValidations count="2">
    <dataValidation type="list" allowBlank="1" showInputMessage="1" showErrorMessage="1" sqref="G2:G62" xr:uid="{00000000-0002-0000-0A00-000000000000}">
      <formula1>"San Bernardino,Riverside,Both"</formula1>
    </dataValidation>
    <dataValidation type="list" allowBlank="1" showInputMessage="1" showErrorMessage="1" sqref="H2:H62" xr:uid="{00000000-0002-0000-0A00-000001000000}">
      <formula1>"Active,On Hold,Redirect,LOA,Termed"</formula1>
    </dataValidation>
  </dataValidations>
  <pageMargins left="0.75" right="0.75" top="1" bottom="1" header="0.5" footer="0.5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B00-000000000000}">
  <dimension ref="A1:I7"/>
  <sheetViews>
    <sheetView tabSelected="1" workbookViewId="0">
      <pane ySplit="1" topLeftCell="A2" activePane="bottomLeft" state="frozen"/>
      <selection pane="bottomLeft" activeCell="B7" sqref="B7"/>
    </sheetView>
  </sheetViews>
  <sheetFormatPr defaultRowHeight="15" x14ac:dyDescent="0.25"/>
  <cols>
    <col min="1" max="1" width="32" customWidth="1"/>
    <col min="2" max="2" width="34" customWidth="1"/>
    <col min="3" max="3" width="18" customWidth="1"/>
    <col min="4" max="4" width="12" customWidth="1"/>
    <col min="5" max="6" width="16" customWidth="1"/>
    <col min="7" max="7" width="28" customWidth="1"/>
    <col min="8" max="8" width="36" customWidth="1"/>
    <col min="9" max="9" width="40" customWidth="1"/>
  </cols>
  <sheetData>
    <row r="1" spans="1:9" x14ac:dyDescent="0.25">
      <c r="A1" s="1" t="s">
        <v>0</v>
      </c>
      <c r="B1" s="1" t="s">
        <v>1</v>
      </c>
      <c r="C1" s="1" t="s">
        <v>2</v>
      </c>
      <c r="D1" s="1" t="s">
        <v>3</v>
      </c>
      <c r="E1" s="1" t="s">
        <v>4</v>
      </c>
      <c r="F1" s="29" t="s">
        <v>45</v>
      </c>
      <c r="G1" s="1" t="s">
        <v>8</v>
      </c>
      <c r="H1" s="1" t="s">
        <v>9</v>
      </c>
      <c r="I1" s="1" t="s">
        <v>10</v>
      </c>
    </row>
    <row r="2" spans="1:9" x14ac:dyDescent="0.25">
      <c r="A2" s="8" t="s">
        <v>156</v>
      </c>
      <c r="B2" s="25" t="s">
        <v>168</v>
      </c>
      <c r="C2" s="25" t="s">
        <v>102</v>
      </c>
      <c r="D2" s="25">
        <v>92883</v>
      </c>
      <c r="E2" s="25" t="s">
        <v>169</v>
      </c>
      <c r="F2" s="36">
        <v>1437914843</v>
      </c>
      <c r="G2" s="55" t="s">
        <v>138</v>
      </c>
      <c r="H2" s="55" t="s">
        <v>134</v>
      </c>
      <c r="I2" s="55"/>
    </row>
    <row r="3" spans="1:9" ht="30" x14ac:dyDescent="0.25">
      <c r="A3" s="8" t="s">
        <v>46</v>
      </c>
      <c r="B3" s="25" t="s">
        <v>76</v>
      </c>
      <c r="C3" s="25" t="s">
        <v>265</v>
      </c>
      <c r="D3" s="25">
        <v>92354</v>
      </c>
      <c r="E3" s="25" t="s">
        <v>266</v>
      </c>
      <c r="F3" s="27">
        <v>1134882970</v>
      </c>
      <c r="G3" s="55" t="s">
        <v>138</v>
      </c>
      <c r="H3" s="55" t="s">
        <v>134</v>
      </c>
      <c r="I3" s="55"/>
    </row>
    <row r="4" spans="1:9" ht="30" x14ac:dyDescent="0.25">
      <c r="A4" s="8" t="s">
        <v>36</v>
      </c>
      <c r="B4" s="11" t="s">
        <v>251</v>
      </c>
      <c r="C4" s="11" t="s">
        <v>88</v>
      </c>
      <c r="D4" s="11">
        <v>91761</v>
      </c>
      <c r="E4" s="11" t="s">
        <v>122</v>
      </c>
      <c r="F4" s="27">
        <v>1144928110</v>
      </c>
      <c r="G4" s="55" t="s">
        <v>138</v>
      </c>
      <c r="H4" s="55" t="s">
        <v>134</v>
      </c>
      <c r="I4" s="55"/>
    </row>
    <row r="5" spans="1:9" x14ac:dyDescent="0.25">
      <c r="A5" s="8" t="s">
        <v>264</v>
      </c>
      <c r="B5" s="25" t="s">
        <v>267</v>
      </c>
      <c r="C5" s="25" t="s">
        <v>60</v>
      </c>
      <c r="D5" s="25">
        <v>92408</v>
      </c>
      <c r="E5" s="25" t="s">
        <v>268</v>
      </c>
      <c r="F5" s="27">
        <v>1316257561</v>
      </c>
      <c r="G5" s="55" t="s">
        <v>138</v>
      </c>
      <c r="H5" s="55" t="s">
        <v>134</v>
      </c>
      <c r="I5" s="55"/>
    </row>
    <row r="6" spans="1:9" x14ac:dyDescent="0.25">
      <c r="A6" s="8" t="s">
        <v>254</v>
      </c>
      <c r="B6" s="25" t="s">
        <v>269</v>
      </c>
      <c r="C6" s="25" t="s">
        <v>260</v>
      </c>
      <c r="D6" s="25">
        <v>91752</v>
      </c>
      <c r="E6" s="25" t="s">
        <v>270</v>
      </c>
      <c r="F6" s="36">
        <v>1407629074</v>
      </c>
      <c r="G6" s="55" t="s">
        <v>138</v>
      </c>
      <c r="H6" s="55" t="s">
        <v>134</v>
      </c>
      <c r="I6" s="55"/>
    </row>
    <row r="7" spans="1:9" x14ac:dyDescent="0.25">
      <c r="A7" s="8" t="s">
        <v>43</v>
      </c>
      <c r="B7" s="25" t="s">
        <v>286</v>
      </c>
      <c r="C7" s="25" t="s">
        <v>271</v>
      </c>
      <c r="D7" s="25">
        <v>92878</v>
      </c>
      <c r="E7" s="25" t="s">
        <v>129</v>
      </c>
      <c r="F7" s="27">
        <v>1811742687</v>
      </c>
      <c r="G7" s="55" t="s">
        <v>138</v>
      </c>
      <c r="H7" s="55" t="s">
        <v>134</v>
      </c>
      <c r="I7" s="55"/>
    </row>
  </sheetData>
  <autoFilter ref="A1:I61" xr:uid="{00000000-0009-0000-0000-00000B000000}"/>
  <dataValidations count="2">
    <dataValidation type="list" allowBlank="1" showInputMessage="1" showErrorMessage="1" sqref="G2:G61" xr:uid="{00000000-0002-0000-0B00-000000000000}">
      <formula1>"San Bernardino,Riverside,Both"</formula1>
    </dataValidation>
    <dataValidation type="list" allowBlank="1" showInputMessage="1" showErrorMessage="1" sqref="H2:H61" xr:uid="{00000000-0002-0000-0B00-000001000000}">
      <formula1>"Active,On Hold,Redirect,LOA,Termed"</formula1>
    </dataValidation>
  </dataValidations>
  <pageMargins left="0.75" right="0.75" top="1" bottom="1" header="0.5" footer="0.5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C00-000000000000}">
  <dimension ref="A1:I2"/>
  <sheetViews>
    <sheetView workbookViewId="0">
      <pane ySplit="1" topLeftCell="A2" activePane="bottomLeft" state="frozen"/>
      <selection pane="bottomLeft" activeCell="C13" sqref="C13"/>
    </sheetView>
  </sheetViews>
  <sheetFormatPr defaultRowHeight="15" x14ac:dyDescent="0.25"/>
  <cols>
    <col min="1" max="1" width="27.28515625" bestFit="1" customWidth="1"/>
    <col min="2" max="2" width="21" bestFit="1" customWidth="1"/>
    <col min="3" max="3" width="9.28515625" bestFit="1" customWidth="1"/>
    <col min="4" max="4" width="13.28515625" bestFit="1" customWidth="1"/>
    <col min="5" max="5" width="19.140625" bestFit="1" customWidth="1"/>
    <col min="6" max="6" width="11" bestFit="1" customWidth="1"/>
    <col min="7" max="7" width="51.28515625" bestFit="1" customWidth="1"/>
    <col min="8" max="8" width="59.7109375" bestFit="1" customWidth="1"/>
    <col min="9" max="9" width="23.28515625" bestFit="1" customWidth="1"/>
  </cols>
  <sheetData>
    <row r="1" spans="1:9" x14ac:dyDescent="0.25">
      <c r="A1" s="1" t="s">
        <v>0</v>
      </c>
      <c r="B1" s="1" t="s">
        <v>1</v>
      </c>
      <c r="C1" s="1" t="s">
        <v>2</v>
      </c>
      <c r="D1" s="1" t="s">
        <v>3</v>
      </c>
      <c r="E1" s="1" t="s">
        <v>4</v>
      </c>
      <c r="F1" s="29" t="s">
        <v>45</v>
      </c>
      <c r="G1" s="1" t="s">
        <v>8</v>
      </c>
      <c r="H1" s="1" t="s">
        <v>9</v>
      </c>
      <c r="I1" s="1" t="s">
        <v>10</v>
      </c>
    </row>
    <row r="2" spans="1:9" x14ac:dyDescent="0.25">
      <c r="A2" s="8" t="s">
        <v>18</v>
      </c>
      <c r="B2" s="25" t="s">
        <v>272</v>
      </c>
      <c r="C2" s="25" t="s">
        <v>53</v>
      </c>
      <c r="D2" s="25">
        <v>92506</v>
      </c>
      <c r="E2" s="25" t="s">
        <v>108</v>
      </c>
      <c r="F2" s="36">
        <v>1598195562</v>
      </c>
      <c r="G2" s="55" t="s">
        <v>53</v>
      </c>
      <c r="H2" s="55" t="s">
        <v>134</v>
      </c>
      <c r="I2" s="55"/>
    </row>
  </sheetData>
  <autoFilter ref="A1:I62" xr:uid="{00000000-0009-0000-0000-00000C000000}"/>
  <dataValidations count="2">
    <dataValidation type="list" allowBlank="1" showInputMessage="1" showErrorMessage="1" sqref="G2:G62" xr:uid="{00000000-0002-0000-0C00-000000000000}">
      <formula1>"San Bernardino,Riverside,Both"</formula1>
    </dataValidation>
    <dataValidation type="list" allowBlank="1" showInputMessage="1" showErrorMessage="1" sqref="H2:H62" xr:uid="{00000000-0002-0000-0C00-000001000000}">
      <formula1>"Active,On Hold,Redirect,LOA,Termed"</formula1>
    </dataValidation>
  </dataValidations>
  <pageMargins left="0.75" right="0.75" top="1" bottom="1" header="0.5" footer="0.5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D00-000000000000}">
  <dimension ref="A1:J7"/>
  <sheetViews>
    <sheetView workbookViewId="0">
      <pane ySplit="1" topLeftCell="A2" activePane="bottomLeft" state="frozen"/>
      <selection pane="bottomLeft" activeCell="B7" sqref="B7"/>
    </sheetView>
  </sheetViews>
  <sheetFormatPr defaultRowHeight="15" x14ac:dyDescent="0.25"/>
  <cols>
    <col min="1" max="1" width="32" customWidth="1"/>
    <col min="2" max="2" width="30.85546875" bestFit="1" customWidth="1"/>
    <col min="3" max="3" width="14.5703125" bestFit="1" customWidth="1"/>
    <col min="4" max="4" width="13.28515625" bestFit="1" customWidth="1"/>
    <col min="5" max="5" width="19.140625" bestFit="1" customWidth="1"/>
    <col min="6" max="6" width="11" bestFit="1" customWidth="1"/>
    <col min="7" max="7" width="51.28515625" bestFit="1" customWidth="1"/>
    <col min="8" max="8" width="59.7109375" bestFit="1" customWidth="1"/>
    <col min="9" max="9" width="23.28515625" bestFit="1" customWidth="1"/>
  </cols>
  <sheetData>
    <row r="1" spans="1:10" x14ac:dyDescent="0.25">
      <c r="A1" s="64" t="s">
        <v>0</v>
      </c>
      <c r="B1" s="64" t="s">
        <v>1</v>
      </c>
      <c r="C1" s="64" t="s">
        <v>2</v>
      </c>
      <c r="D1" s="64" t="s">
        <v>3</v>
      </c>
      <c r="E1" s="64" t="s">
        <v>4</v>
      </c>
      <c r="F1" s="65" t="s">
        <v>45</v>
      </c>
      <c r="G1" s="64" t="s">
        <v>8</v>
      </c>
      <c r="H1" s="64" t="s">
        <v>9</v>
      </c>
      <c r="I1" s="64" t="s">
        <v>10</v>
      </c>
    </row>
    <row r="2" spans="1:10" x14ac:dyDescent="0.25">
      <c r="A2" s="8" t="s">
        <v>156</v>
      </c>
      <c r="B2" s="25" t="s">
        <v>168</v>
      </c>
      <c r="C2" s="25" t="s">
        <v>102</v>
      </c>
      <c r="D2" s="25">
        <v>92883</v>
      </c>
      <c r="E2" s="25" t="s">
        <v>169</v>
      </c>
      <c r="F2" s="36">
        <v>1437914843</v>
      </c>
      <c r="G2" s="55" t="s">
        <v>138</v>
      </c>
      <c r="H2" s="55" t="s">
        <v>134</v>
      </c>
      <c r="I2" s="55"/>
      <c r="J2" s="55"/>
    </row>
    <row r="3" spans="1:10" ht="30" x14ac:dyDescent="0.25">
      <c r="A3" s="8" t="s">
        <v>273</v>
      </c>
      <c r="B3" s="25" t="s">
        <v>275</v>
      </c>
      <c r="C3" s="25" t="s">
        <v>78</v>
      </c>
      <c r="D3" s="25">
        <v>92262</v>
      </c>
      <c r="E3" s="25" t="s">
        <v>276</v>
      </c>
      <c r="F3" s="27">
        <v>1508537325</v>
      </c>
      <c r="G3" s="55"/>
      <c r="H3" s="55" t="s">
        <v>134</v>
      </c>
      <c r="I3" s="55"/>
      <c r="J3" s="55"/>
    </row>
    <row r="4" spans="1:10" ht="30" x14ac:dyDescent="0.25">
      <c r="A4" s="8" t="s">
        <v>204</v>
      </c>
      <c r="B4" s="25" t="s">
        <v>206</v>
      </c>
      <c r="C4" s="25" t="s">
        <v>207</v>
      </c>
      <c r="D4" s="25">
        <v>92571</v>
      </c>
      <c r="E4" s="25" t="s">
        <v>208</v>
      </c>
      <c r="F4" s="38">
        <v>1780434829</v>
      </c>
      <c r="G4" s="55" t="s">
        <v>138</v>
      </c>
      <c r="H4" s="55" t="s">
        <v>134</v>
      </c>
      <c r="I4" s="55"/>
      <c r="J4" s="55"/>
    </row>
    <row r="5" spans="1:10" ht="30" x14ac:dyDescent="0.25">
      <c r="A5" s="8" t="s">
        <v>274</v>
      </c>
      <c r="B5" s="25" t="s">
        <v>277</v>
      </c>
      <c r="C5" s="25" t="s">
        <v>60</v>
      </c>
      <c r="D5" s="25">
        <v>92408</v>
      </c>
      <c r="E5" s="25" t="s">
        <v>278</v>
      </c>
      <c r="F5" s="27">
        <v>1316445414</v>
      </c>
      <c r="G5" s="55" t="s">
        <v>138</v>
      </c>
      <c r="H5" s="55" t="s">
        <v>134</v>
      </c>
      <c r="I5" s="55"/>
      <c r="J5" s="55"/>
    </row>
    <row r="6" spans="1:10" x14ac:dyDescent="0.25">
      <c r="A6" s="22" t="s">
        <v>37</v>
      </c>
      <c r="B6" s="25" t="s">
        <v>90</v>
      </c>
      <c r="C6" s="25" t="s">
        <v>75</v>
      </c>
      <c r="D6" s="25">
        <v>92108</v>
      </c>
      <c r="E6" s="25" t="s">
        <v>212</v>
      </c>
      <c r="F6" s="38" t="s">
        <v>211</v>
      </c>
      <c r="G6" s="55" t="s">
        <v>60</v>
      </c>
      <c r="H6" s="55" t="s">
        <v>134</v>
      </c>
      <c r="I6" s="55"/>
      <c r="J6" s="55"/>
    </row>
    <row r="7" spans="1:10" x14ac:dyDescent="0.25">
      <c r="A7" s="8" t="s">
        <v>43</v>
      </c>
      <c r="B7" s="15" t="s">
        <v>284</v>
      </c>
      <c r="C7" s="15" t="s">
        <v>102</v>
      </c>
      <c r="D7" s="15">
        <v>92878</v>
      </c>
      <c r="E7" s="15" t="s">
        <v>129</v>
      </c>
      <c r="F7" s="66">
        <v>1811742687</v>
      </c>
      <c r="G7" s="10" t="s">
        <v>138</v>
      </c>
      <c r="H7" s="55" t="s">
        <v>134</v>
      </c>
      <c r="I7" s="55"/>
      <c r="J7" s="55"/>
    </row>
  </sheetData>
  <autoFilter ref="A1:I62" xr:uid="{00000000-0009-0000-0000-00000D000000}"/>
  <dataValidations count="2">
    <dataValidation type="list" allowBlank="1" showInputMessage="1" showErrorMessage="1" sqref="G2:G62" xr:uid="{00000000-0002-0000-0D00-000000000000}">
      <formula1>"San Bernardino,Riverside,Both"</formula1>
    </dataValidation>
    <dataValidation type="list" allowBlank="1" showInputMessage="1" showErrorMessage="1" sqref="H2:H62" xr:uid="{00000000-0002-0000-0D00-000001000000}">
      <formula1>"Active,On Hold,Redirect,LOA,Termed"</formula1>
    </dataValidation>
  </dataValidations>
  <pageMargins left="0.75" right="0.75" top="1" bottom="1" header="0.5" footer="0.5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2E4E2C8-0A31-4FB6-95CA-27333742DB1C}">
  <dimension ref="A1:I7"/>
  <sheetViews>
    <sheetView workbookViewId="0">
      <selection activeCell="C13" sqref="C13"/>
    </sheetView>
  </sheetViews>
  <sheetFormatPr defaultRowHeight="15" x14ac:dyDescent="0.25"/>
  <cols>
    <col min="1" max="1" width="23.7109375" bestFit="1" customWidth="1"/>
    <col min="2" max="2" width="30.85546875" bestFit="1" customWidth="1"/>
    <col min="3" max="3" width="14.5703125" bestFit="1" customWidth="1"/>
    <col min="4" max="4" width="8.7109375" bestFit="1" customWidth="1"/>
    <col min="5" max="5" width="14.5703125" bestFit="1" customWidth="1"/>
    <col min="6" max="6" width="11" bestFit="1" customWidth="1"/>
    <col min="7" max="7" width="46.7109375" bestFit="1" customWidth="1"/>
    <col min="8" max="8" width="55.140625" bestFit="1" customWidth="1"/>
    <col min="9" max="9" width="18.7109375" bestFit="1" customWidth="1"/>
  </cols>
  <sheetData>
    <row r="1" spans="1:9" x14ac:dyDescent="0.25">
      <c r="A1" s="64" t="s">
        <v>0</v>
      </c>
      <c r="B1" s="64" t="s">
        <v>1</v>
      </c>
      <c r="C1" s="64" t="s">
        <v>2</v>
      </c>
      <c r="D1" s="64" t="s">
        <v>3</v>
      </c>
      <c r="E1" s="64" t="s">
        <v>4</v>
      </c>
      <c r="F1" s="65" t="s">
        <v>45</v>
      </c>
      <c r="G1" s="64" t="s">
        <v>8</v>
      </c>
      <c r="H1" s="64" t="s">
        <v>9</v>
      </c>
      <c r="I1" s="64" t="s">
        <v>10</v>
      </c>
    </row>
    <row r="2" spans="1:9" x14ac:dyDescent="0.25">
      <c r="A2" s="8" t="s">
        <v>156</v>
      </c>
      <c r="B2" s="43" t="s">
        <v>168</v>
      </c>
      <c r="C2" s="43" t="s">
        <v>102</v>
      </c>
      <c r="D2" s="43">
        <v>92883</v>
      </c>
      <c r="E2" s="43" t="s">
        <v>169</v>
      </c>
      <c r="F2" s="45">
        <v>1437914843</v>
      </c>
      <c r="G2" s="43" t="s">
        <v>280</v>
      </c>
      <c r="H2" s="55" t="s">
        <v>134</v>
      </c>
      <c r="I2" s="55"/>
    </row>
    <row r="3" spans="1:9" ht="30" x14ac:dyDescent="0.25">
      <c r="A3" s="8" t="s">
        <v>160</v>
      </c>
      <c r="B3" s="46" t="s">
        <v>244</v>
      </c>
      <c r="C3" s="46" t="s">
        <v>180</v>
      </c>
      <c r="D3" s="46">
        <v>33136</v>
      </c>
      <c r="E3" s="46" t="s">
        <v>245</v>
      </c>
      <c r="F3" s="47">
        <v>1083764724</v>
      </c>
      <c r="G3" s="43" t="s">
        <v>280</v>
      </c>
      <c r="H3" s="55" t="s">
        <v>134</v>
      </c>
      <c r="I3" s="55"/>
    </row>
    <row r="4" spans="1:9" x14ac:dyDescent="0.25">
      <c r="A4" s="22" t="s">
        <v>37</v>
      </c>
      <c r="B4" s="43" t="s">
        <v>90</v>
      </c>
      <c r="C4" s="43" t="s">
        <v>75</v>
      </c>
      <c r="D4" s="43">
        <v>92108</v>
      </c>
      <c r="E4" s="43" t="s">
        <v>212</v>
      </c>
      <c r="F4" s="67">
        <v>1710336094</v>
      </c>
      <c r="G4" s="43" t="s">
        <v>280</v>
      </c>
      <c r="H4" s="55" t="s">
        <v>134</v>
      </c>
      <c r="I4" s="55"/>
    </row>
    <row r="5" spans="1:9" x14ac:dyDescent="0.25">
      <c r="A5" s="8" t="s">
        <v>264</v>
      </c>
      <c r="B5" s="43" t="s">
        <v>267</v>
      </c>
      <c r="C5" s="43" t="s">
        <v>60</v>
      </c>
      <c r="D5" s="43">
        <v>92408</v>
      </c>
      <c r="E5" s="43" t="s">
        <v>268</v>
      </c>
      <c r="F5" s="47">
        <v>1316257561</v>
      </c>
      <c r="G5" s="43" t="s">
        <v>280</v>
      </c>
      <c r="H5" s="55" t="s">
        <v>134</v>
      </c>
      <c r="I5" s="55"/>
    </row>
    <row r="6" spans="1:9" ht="45" x14ac:dyDescent="0.25">
      <c r="A6" s="8" t="s">
        <v>279</v>
      </c>
      <c r="B6" s="43" t="s">
        <v>281</v>
      </c>
      <c r="C6" s="43" t="s">
        <v>227</v>
      </c>
      <c r="D6" s="43">
        <v>90017</v>
      </c>
      <c r="E6" s="43" t="s">
        <v>282</v>
      </c>
      <c r="F6" s="47">
        <v>1629707526</v>
      </c>
      <c r="G6" s="43" t="s">
        <v>280</v>
      </c>
      <c r="H6" s="55" t="s">
        <v>134</v>
      </c>
      <c r="I6" s="55"/>
    </row>
    <row r="7" spans="1:9" ht="30" x14ac:dyDescent="0.25">
      <c r="A7" s="8" t="s">
        <v>43</v>
      </c>
      <c r="B7" s="43" t="s">
        <v>283</v>
      </c>
      <c r="C7" s="43" t="s">
        <v>102</v>
      </c>
      <c r="D7" s="43">
        <v>92878</v>
      </c>
      <c r="E7" s="43" t="s">
        <v>129</v>
      </c>
      <c r="F7" s="48">
        <v>1811742687</v>
      </c>
      <c r="G7" s="43" t="s">
        <v>280</v>
      </c>
      <c r="H7" s="55" t="s">
        <v>134</v>
      </c>
      <c r="I7" s="55"/>
    </row>
  </sheetData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:I38"/>
  <sheetViews>
    <sheetView workbookViewId="0">
      <pane ySplit="1" topLeftCell="A19" activePane="bottomLeft" state="frozen"/>
      <selection pane="bottomLeft" activeCell="B36" sqref="B36"/>
    </sheetView>
  </sheetViews>
  <sheetFormatPr defaultRowHeight="15" x14ac:dyDescent="0.25"/>
  <cols>
    <col min="1" max="1" width="32" customWidth="1"/>
    <col min="2" max="2" width="57.5703125" bestFit="1" customWidth="1"/>
    <col min="3" max="3" width="18" customWidth="1"/>
    <col min="4" max="4" width="12" customWidth="1"/>
    <col min="5" max="5" width="16" customWidth="1"/>
    <col min="6" max="6" width="11" bestFit="1" customWidth="1"/>
    <col min="7" max="7" width="51.28515625" bestFit="1" customWidth="1"/>
    <col min="8" max="8" width="59.7109375" bestFit="1" customWidth="1"/>
    <col min="9" max="9" width="40" customWidth="1"/>
  </cols>
  <sheetData>
    <row r="1" spans="1:9" x14ac:dyDescent="0.25">
      <c r="A1" s="1" t="s">
        <v>0</v>
      </c>
      <c r="B1" s="1" t="s">
        <v>1</v>
      </c>
      <c r="C1" s="1" t="s">
        <v>2</v>
      </c>
      <c r="D1" s="1" t="s">
        <v>3</v>
      </c>
      <c r="E1" s="1" t="s">
        <v>4</v>
      </c>
      <c r="F1" s="1" t="s">
        <v>45</v>
      </c>
      <c r="G1" s="1" t="s">
        <v>8</v>
      </c>
      <c r="H1" s="1" t="s">
        <v>132</v>
      </c>
      <c r="I1" s="1" t="s">
        <v>10</v>
      </c>
    </row>
    <row r="2" spans="1:9" x14ac:dyDescent="0.25">
      <c r="A2" s="2" t="s">
        <v>12</v>
      </c>
      <c r="B2" s="11" t="s">
        <v>49</v>
      </c>
      <c r="C2" s="10" t="s">
        <v>47</v>
      </c>
      <c r="D2" s="10">
        <v>92308</v>
      </c>
      <c r="E2" s="10" t="s">
        <v>104</v>
      </c>
      <c r="F2" s="16">
        <v>1215529201</v>
      </c>
      <c r="G2" s="10" t="s">
        <v>138</v>
      </c>
      <c r="H2" s="10" t="s">
        <v>134</v>
      </c>
      <c r="I2" s="10"/>
    </row>
    <row r="3" spans="1:9" x14ac:dyDescent="0.25">
      <c r="A3" s="2" t="s">
        <v>13</v>
      </c>
      <c r="B3" s="2" t="s">
        <v>50</v>
      </c>
      <c r="C3" s="10" t="s">
        <v>47</v>
      </c>
      <c r="D3" s="10">
        <v>92308</v>
      </c>
      <c r="E3" s="10" t="s">
        <v>104</v>
      </c>
      <c r="F3" s="16">
        <v>1164228656</v>
      </c>
      <c r="G3" s="10" t="s">
        <v>138</v>
      </c>
      <c r="H3" s="10" t="s">
        <v>134</v>
      </c>
      <c r="I3" s="10"/>
    </row>
    <row r="4" spans="1:9" x14ac:dyDescent="0.25">
      <c r="A4" s="8" t="s">
        <v>14</v>
      </c>
      <c r="B4" s="8" t="s">
        <v>51</v>
      </c>
      <c r="C4" s="20" t="s">
        <v>48</v>
      </c>
      <c r="D4" s="20">
        <v>92703</v>
      </c>
      <c r="E4" s="20" t="s">
        <v>105</v>
      </c>
      <c r="F4" s="21">
        <v>1588361158</v>
      </c>
      <c r="G4" s="10" t="s">
        <v>138</v>
      </c>
      <c r="H4" s="10" t="s">
        <v>133</v>
      </c>
      <c r="I4" s="10"/>
    </row>
    <row r="5" spans="1:9" x14ac:dyDescent="0.25">
      <c r="A5" s="8" t="s">
        <v>15</v>
      </c>
      <c r="B5" s="22" t="s">
        <v>55</v>
      </c>
      <c r="C5" s="20" t="s">
        <v>52</v>
      </c>
      <c r="D5" s="20">
        <v>92345</v>
      </c>
      <c r="E5" s="20" t="s">
        <v>106</v>
      </c>
      <c r="F5" s="23">
        <v>1962286971</v>
      </c>
      <c r="G5" s="10" t="s">
        <v>138</v>
      </c>
      <c r="H5" s="10" t="s">
        <v>131</v>
      </c>
      <c r="I5" s="10" t="s">
        <v>137</v>
      </c>
    </row>
    <row r="6" spans="1:9" x14ac:dyDescent="0.25">
      <c r="A6" s="8" t="s">
        <v>16</v>
      </c>
      <c r="B6" s="8" t="s">
        <v>54</v>
      </c>
      <c r="C6" s="20" t="s">
        <v>53</v>
      </c>
      <c r="D6" s="20">
        <v>92507</v>
      </c>
      <c r="E6" s="20" t="s">
        <v>106</v>
      </c>
      <c r="F6" s="24">
        <v>1174371025</v>
      </c>
      <c r="G6" s="10" t="s">
        <v>138</v>
      </c>
      <c r="H6" s="10" t="s">
        <v>131</v>
      </c>
      <c r="I6" s="10" t="s">
        <v>137</v>
      </c>
    </row>
    <row r="7" spans="1:9" ht="30" x14ac:dyDescent="0.25">
      <c r="A7" s="8" t="s">
        <v>17</v>
      </c>
      <c r="B7" s="25" t="s">
        <v>57</v>
      </c>
      <c r="C7" s="20" t="s">
        <v>56</v>
      </c>
      <c r="D7" s="20">
        <v>91345</v>
      </c>
      <c r="E7" s="20" t="s">
        <v>107</v>
      </c>
      <c r="F7" s="24">
        <v>1700555042</v>
      </c>
      <c r="G7" s="10" t="s">
        <v>138</v>
      </c>
      <c r="H7" s="10" t="s">
        <v>134</v>
      </c>
      <c r="I7" s="10"/>
    </row>
    <row r="8" spans="1:9" x14ac:dyDescent="0.25">
      <c r="A8" s="8" t="s">
        <v>18</v>
      </c>
      <c r="B8" s="25" t="s">
        <v>58</v>
      </c>
      <c r="C8" s="20" t="s">
        <v>53</v>
      </c>
      <c r="D8" s="20">
        <v>92513</v>
      </c>
      <c r="E8" s="20" t="s">
        <v>108</v>
      </c>
      <c r="F8" s="23">
        <v>1598195562</v>
      </c>
      <c r="G8" s="10" t="s">
        <v>53</v>
      </c>
      <c r="H8" s="10" t="s">
        <v>134</v>
      </c>
      <c r="I8" s="10"/>
    </row>
    <row r="9" spans="1:9" x14ac:dyDescent="0.25">
      <c r="A9" s="8" t="s">
        <v>19</v>
      </c>
      <c r="B9" s="22" t="s">
        <v>59</v>
      </c>
      <c r="C9" s="20" t="s">
        <v>52</v>
      </c>
      <c r="D9" s="20">
        <v>92345</v>
      </c>
      <c r="E9" s="20" t="s">
        <v>106</v>
      </c>
      <c r="F9" s="23">
        <v>1619706314</v>
      </c>
      <c r="G9" s="10" t="s">
        <v>138</v>
      </c>
      <c r="H9" s="10" t="s">
        <v>131</v>
      </c>
      <c r="I9" s="10" t="s">
        <v>137</v>
      </c>
    </row>
    <row r="10" spans="1:9" ht="30" x14ac:dyDescent="0.25">
      <c r="A10" s="8" t="s">
        <v>20</v>
      </c>
      <c r="B10" s="8" t="s">
        <v>62</v>
      </c>
      <c r="C10" s="20" t="s">
        <v>60</v>
      </c>
      <c r="D10" s="20">
        <v>92402</v>
      </c>
      <c r="E10" s="20" t="s">
        <v>109</v>
      </c>
      <c r="F10" s="24">
        <v>1801486295</v>
      </c>
      <c r="G10" s="10" t="s">
        <v>138</v>
      </c>
      <c r="H10" s="10" t="s">
        <v>133</v>
      </c>
      <c r="I10" s="10"/>
    </row>
    <row r="11" spans="1:9" x14ac:dyDescent="0.25">
      <c r="A11" s="8" t="s">
        <v>21</v>
      </c>
      <c r="B11" s="8" t="s">
        <v>63</v>
      </c>
      <c r="C11" s="20" t="s">
        <v>61</v>
      </c>
      <c r="D11" s="20">
        <v>92373</v>
      </c>
      <c r="E11" s="20" t="s">
        <v>110</v>
      </c>
      <c r="F11" s="24">
        <v>1235951914</v>
      </c>
      <c r="G11" s="10" t="s">
        <v>138</v>
      </c>
      <c r="H11" s="10" t="s">
        <v>134</v>
      </c>
      <c r="I11" s="10"/>
    </row>
    <row r="12" spans="1:9" x14ac:dyDescent="0.25">
      <c r="A12" s="8" t="s">
        <v>22</v>
      </c>
      <c r="B12" s="8" t="s">
        <v>66</v>
      </c>
      <c r="C12" s="20" t="s">
        <v>64</v>
      </c>
      <c r="D12" s="20">
        <v>92545</v>
      </c>
      <c r="E12" s="20" t="s">
        <v>110</v>
      </c>
      <c r="F12" s="24">
        <v>1215727805</v>
      </c>
      <c r="G12" s="10" t="s">
        <v>138</v>
      </c>
      <c r="H12" s="10" t="s">
        <v>134</v>
      </c>
      <c r="I12" s="10"/>
    </row>
    <row r="13" spans="1:9" x14ac:dyDescent="0.25">
      <c r="A13" s="8" t="s">
        <v>23</v>
      </c>
      <c r="B13" s="8" t="s">
        <v>68</v>
      </c>
      <c r="C13" s="20" t="s">
        <v>65</v>
      </c>
      <c r="D13" s="20">
        <v>92553</v>
      </c>
      <c r="E13" s="20" t="s">
        <v>110</v>
      </c>
      <c r="F13" s="24">
        <v>1487444071</v>
      </c>
      <c r="G13" s="10" t="s">
        <v>138</v>
      </c>
      <c r="H13" s="10" t="s">
        <v>134</v>
      </c>
      <c r="I13" s="10"/>
    </row>
    <row r="14" spans="1:9" x14ac:dyDescent="0.25">
      <c r="A14" s="8" t="s">
        <v>24</v>
      </c>
      <c r="B14" s="8" t="s">
        <v>67</v>
      </c>
      <c r="C14" s="20" t="s">
        <v>64</v>
      </c>
      <c r="D14" s="20">
        <v>92544</v>
      </c>
      <c r="E14" s="20" t="s">
        <v>110</v>
      </c>
      <c r="F14" s="24">
        <v>1013707611</v>
      </c>
      <c r="G14" s="10" t="s">
        <v>138</v>
      </c>
      <c r="H14" s="10" t="s">
        <v>134</v>
      </c>
      <c r="I14" s="10"/>
    </row>
    <row r="15" spans="1:9" ht="75" x14ac:dyDescent="0.25">
      <c r="A15" s="8" t="s">
        <v>25</v>
      </c>
      <c r="B15" s="8" t="s">
        <v>70</v>
      </c>
      <c r="C15" s="20" t="s">
        <v>69</v>
      </c>
      <c r="D15" s="20">
        <v>90806</v>
      </c>
      <c r="E15" s="20" t="s">
        <v>111</v>
      </c>
      <c r="F15" s="24">
        <v>1881360758</v>
      </c>
      <c r="G15" s="10" t="s">
        <v>138</v>
      </c>
      <c r="H15" s="10" t="s">
        <v>134</v>
      </c>
      <c r="I15" s="18" t="s">
        <v>136</v>
      </c>
    </row>
    <row r="16" spans="1:9" x14ac:dyDescent="0.25">
      <c r="A16" s="8" t="s">
        <v>26</v>
      </c>
      <c r="B16" s="25" t="s">
        <v>71</v>
      </c>
      <c r="C16" s="20" t="s">
        <v>60</v>
      </c>
      <c r="D16" s="20">
        <v>92408</v>
      </c>
      <c r="E16" s="20" t="s">
        <v>112</v>
      </c>
      <c r="F16" s="24">
        <v>1831722610</v>
      </c>
      <c r="G16" s="10" t="s">
        <v>138</v>
      </c>
      <c r="H16" s="10" t="s">
        <v>134</v>
      </c>
      <c r="I16" s="10" t="s">
        <v>135</v>
      </c>
    </row>
    <row r="17" spans="1:9" x14ac:dyDescent="0.25">
      <c r="A17" s="8" t="s">
        <v>27</v>
      </c>
      <c r="B17" s="26" t="s">
        <v>73</v>
      </c>
      <c r="C17" s="20" t="s">
        <v>72</v>
      </c>
      <c r="D17" s="20">
        <v>92324</v>
      </c>
      <c r="E17" s="20" t="s">
        <v>106</v>
      </c>
      <c r="F17" s="24">
        <v>1932927845</v>
      </c>
      <c r="G17" s="10" t="s">
        <v>138</v>
      </c>
      <c r="H17" s="10" t="s">
        <v>131</v>
      </c>
      <c r="I17" s="10" t="s">
        <v>137</v>
      </c>
    </row>
    <row r="18" spans="1:9" ht="30" x14ac:dyDescent="0.25">
      <c r="A18" s="2" t="s">
        <v>46</v>
      </c>
      <c r="B18" s="11" t="s">
        <v>76</v>
      </c>
      <c r="C18" s="10" t="s">
        <v>74</v>
      </c>
      <c r="D18" s="10">
        <v>92354</v>
      </c>
      <c r="E18" s="10" t="s">
        <v>113</v>
      </c>
      <c r="F18" s="3">
        <v>1134882970</v>
      </c>
      <c r="G18" s="10" t="s">
        <v>138</v>
      </c>
      <c r="H18" s="10" t="s">
        <v>134</v>
      </c>
      <c r="I18" s="10"/>
    </row>
    <row r="19" spans="1:9" ht="30" x14ac:dyDescent="0.25">
      <c r="A19" s="2" t="s">
        <v>28</v>
      </c>
      <c r="B19" s="11" t="s">
        <v>77</v>
      </c>
      <c r="C19" s="10" t="s">
        <v>75</v>
      </c>
      <c r="D19" s="10">
        <v>92123</v>
      </c>
      <c r="E19" s="10" t="s">
        <v>115</v>
      </c>
      <c r="F19" s="3">
        <v>1760477467</v>
      </c>
      <c r="G19" s="10" t="s">
        <v>138</v>
      </c>
      <c r="H19" s="10" t="s">
        <v>134</v>
      </c>
      <c r="I19" s="10"/>
    </row>
    <row r="20" spans="1:9" ht="30" x14ac:dyDescent="0.25">
      <c r="A20" s="2" t="s">
        <v>29</v>
      </c>
      <c r="B20" s="11" t="s">
        <v>81</v>
      </c>
      <c r="C20" s="10" t="s">
        <v>78</v>
      </c>
      <c r="D20" s="10">
        <v>92262</v>
      </c>
      <c r="E20" s="10" t="s">
        <v>114</v>
      </c>
      <c r="F20" s="3">
        <v>1598758179</v>
      </c>
      <c r="G20" s="10" t="s">
        <v>53</v>
      </c>
      <c r="H20" s="10" t="s">
        <v>134</v>
      </c>
      <c r="I20" s="10"/>
    </row>
    <row r="21" spans="1:9" x14ac:dyDescent="0.25">
      <c r="A21" s="2" t="s">
        <v>30</v>
      </c>
      <c r="B21" s="12" t="s">
        <v>82</v>
      </c>
      <c r="C21" s="10" t="s">
        <v>72</v>
      </c>
      <c r="D21" s="10">
        <v>92324</v>
      </c>
      <c r="E21" s="10" t="s">
        <v>116</v>
      </c>
      <c r="F21" s="3">
        <v>1932868072</v>
      </c>
      <c r="G21" s="10" t="s">
        <v>138</v>
      </c>
      <c r="H21" s="10" t="s">
        <v>134</v>
      </c>
      <c r="I21" s="10"/>
    </row>
    <row r="22" spans="1:9" x14ac:dyDescent="0.25">
      <c r="A22" s="2" t="s">
        <v>31</v>
      </c>
      <c r="B22" s="12" t="s">
        <v>83</v>
      </c>
      <c r="C22" s="10" t="s">
        <v>79</v>
      </c>
      <c r="D22" s="10">
        <v>92201</v>
      </c>
      <c r="E22" s="10" t="s">
        <v>117</v>
      </c>
      <c r="F22" s="3">
        <v>1750508818</v>
      </c>
      <c r="G22" s="19" t="s">
        <v>53</v>
      </c>
      <c r="H22" s="10" t="s">
        <v>134</v>
      </c>
      <c r="I22" s="10"/>
    </row>
    <row r="23" spans="1:9" x14ac:dyDescent="0.25">
      <c r="A23" s="2" t="s">
        <v>32</v>
      </c>
      <c r="B23" s="13" t="s">
        <v>84</v>
      </c>
      <c r="C23" s="10" t="s">
        <v>80</v>
      </c>
      <c r="D23" s="10">
        <v>92252</v>
      </c>
      <c r="E23" s="10" t="s">
        <v>118</v>
      </c>
      <c r="F23" s="3">
        <v>1649963125</v>
      </c>
      <c r="G23" s="10" t="s">
        <v>60</v>
      </c>
      <c r="H23" s="10" t="s">
        <v>134</v>
      </c>
      <c r="I23" s="10"/>
    </row>
    <row r="24" spans="1:9" ht="30" x14ac:dyDescent="0.25">
      <c r="A24" s="2" t="s">
        <v>33</v>
      </c>
      <c r="B24" s="11" t="s">
        <v>85</v>
      </c>
      <c r="C24" s="10" t="s">
        <v>60</v>
      </c>
      <c r="D24" s="10">
        <v>92407</v>
      </c>
      <c r="E24" s="10" t="s">
        <v>119</v>
      </c>
      <c r="F24" s="16">
        <v>1477232387</v>
      </c>
      <c r="G24" s="10" t="s">
        <v>138</v>
      </c>
      <c r="H24" s="10" t="s">
        <v>134</v>
      </c>
      <c r="I24" s="10"/>
    </row>
    <row r="25" spans="1:9" x14ac:dyDescent="0.25">
      <c r="A25" s="2" t="s">
        <v>34</v>
      </c>
      <c r="B25" s="14" t="s">
        <v>86</v>
      </c>
      <c r="C25" s="10" t="s">
        <v>60</v>
      </c>
      <c r="D25" s="10">
        <v>92408</v>
      </c>
      <c r="E25" s="10" t="s">
        <v>120</v>
      </c>
      <c r="F25" s="3">
        <v>1912624891</v>
      </c>
      <c r="G25" s="10" t="s">
        <v>138</v>
      </c>
      <c r="H25" s="10" t="s">
        <v>134</v>
      </c>
      <c r="I25" s="10"/>
    </row>
    <row r="26" spans="1:9" x14ac:dyDescent="0.25">
      <c r="A26" s="2" t="s">
        <v>35</v>
      </c>
      <c r="B26" s="15" t="s">
        <v>87</v>
      </c>
      <c r="C26" s="10" t="s">
        <v>53</v>
      </c>
      <c r="D26" s="10">
        <v>92507</v>
      </c>
      <c r="E26" s="10" t="s">
        <v>121</v>
      </c>
      <c r="F26" s="3">
        <v>1629437314</v>
      </c>
      <c r="G26" s="10" t="s">
        <v>53</v>
      </c>
      <c r="H26" s="10" t="s">
        <v>134</v>
      </c>
      <c r="I26" s="10"/>
    </row>
    <row r="27" spans="1:9" ht="30" x14ac:dyDescent="0.25">
      <c r="A27" s="2" t="s">
        <v>36</v>
      </c>
      <c r="B27" s="2" t="s">
        <v>89</v>
      </c>
      <c r="C27" s="10" t="s">
        <v>88</v>
      </c>
      <c r="D27" s="10">
        <v>91761</v>
      </c>
      <c r="E27" s="10" t="s">
        <v>122</v>
      </c>
      <c r="F27" s="3">
        <v>1144928110</v>
      </c>
      <c r="G27" s="10" t="s">
        <v>138</v>
      </c>
      <c r="H27" s="10" t="s">
        <v>134</v>
      </c>
      <c r="I27" s="10"/>
    </row>
    <row r="28" spans="1:9" x14ac:dyDescent="0.25">
      <c r="A28" s="4" t="s">
        <v>37</v>
      </c>
      <c r="B28" s="15" t="s">
        <v>90</v>
      </c>
      <c r="C28" s="10" t="s">
        <v>75</v>
      </c>
      <c r="D28" s="10">
        <v>92108</v>
      </c>
      <c r="E28" s="10" t="s">
        <v>123</v>
      </c>
      <c r="F28" s="16">
        <v>1710336094</v>
      </c>
      <c r="G28" s="10" t="s">
        <v>60</v>
      </c>
      <c r="H28" s="10" t="s">
        <v>134</v>
      </c>
      <c r="I28" s="10"/>
    </row>
    <row r="29" spans="1:9" ht="45" x14ac:dyDescent="0.25">
      <c r="A29" s="2" t="s">
        <v>38</v>
      </c>
      <c r="B29" s="15" t="s">
        <v>91</v>
      </c>
      <c r="C29" s="10" t="s">
        <v>72</v>
      </c>
      <c r="D29" s="10">
        <v>92324</v>
      </c>
      <c r="E29" s="10" t="s">
        <v>124</v>
      </c>
      <c r="F29" s="3">
        <v>1851051551</v>
      </c>
      <c r="G29" s="10" t="s">
        <v>60</v>
      </c>
      <c r="H29" s="10" t="s">
        <v>134</v>
      </c>
      <c r="I29" s="10"/>
    </row>
    <row r="30" spans="1:9" x14ac:dyDescent="0.25">
      <c r="A30" s="2" t="s">
        <v>39</v>
      </c>
      <c r="B30" s="15" t="s">
        <v>92</v>
      </c>
      <c r="C30" s="10" t="s">
        <v>93</v>
      </c>
      <c r="D30" s="10">
        <v>91730</v>
      </c>
      <c r="E30" s="10" t="s">
        <v>125</v>
      </c>
      <c r="F30" s="3">
        <v>1497379267</v>
      </c>
      <c r="G30" s="10" t="s">
        <v>60</v>
      </c>
      <c r="H30" s="10" t="s">
        <v>134</v>
      </c>
      <c r="I30" s="10"/>
    </row>
    <row r="31" spans="1:9" x14ac:dyDescent="0.25">
      <c r="A31" s="2" t="s">
        <v>40</v>
      </c>
      <c r="B31" s="15" t="s">
        <v>94</v>
      </c>
      <c r="C31" s="10" t="s">
        <v>95</v>
      </c>
      <c r="D31" s="10">
        <v>90401</v>
      </c>
      <c r="E31" s="10" t="s">
        <v>126</v>
      </c>
      <c r="F31" s="3">
        <v>1285186353</v>
      </c>
      <c r="G31" s="10" t="s">
        <v>138</v>
      </c>
      <c r="H31" s="10" t="s">
        <v>134</v>
      </c>
      <c r="I31" s="10"/>
    </row>
    <row r="32" spans="1:9" x14ac:dyDescent="0.25">
      <c r="A32" s="2" t="s">
        <v>41</v>
      </c>
      <c r="B32" s="15" t="s">
        <v>96</v>
      </c>
      <c r="C32" s="10" t="s">
        <v>97</v>
      </c>
      <c r="D32" s="10">
        <v>92392</v>
      </c>
      <c r="E32" s="10" t="s">
        <v>127</v>
      </c>
      <c r="F32" s="5">
        <v>1083362297</v>
      </c>
      <c r="G32" s="10" t="s">
        <v>138</v>
      </c>
      <c r="H32" s="10" t="s">
        <v>134</v>
      </c>
      <c r="I32" s="10"/>
    </row>
    <row r="33" spans="1:9" x14ac:dyDescent="0.25">
      <c r="A33" s="2" t="s">
        <v>41</v>
      </c>
      <c r="B33" s="15" t="s">
        <v>98</v>
      </c>
      <c r="C33" s="10" t="s">
        <v>97</v>
      </c>
      <c r="D33" s="10">
        <v>92395</v>
      </c>
      <c r="E33" s="10" t="s">
        <v>127</v>
      </c>
      <c r="F33" s="5">
        <v>1083362297</v>
      </c>
      <c r="G33" s="10" t="s">
        <v>138</v>
      </c>
      <c r="H33" s="10" t="s">
        <v>134</v>
      </c>
      <c r="I33" s="10"/>
    </row>
    <row r="34" spans="1:9" x14ac:dyDescent="0.25">
      <c r="A34" s="2" t="s">
        <v>41</v>
      </c>
      <c r="B34" s="15" t="s">
        <v>99</v>
      </c>
      <c r="C34" s="10" t="s">
        <v>97</v>
      </c>
      <c r="D34" s="10">
        <v>92395</v>
      </c>
      <c r="E34" s="10" t="s">
        <v>127</v>
      </c>
      <c r="F34" s="5">
        <v>1083362297</v>
      </c>
      <c r="G34" s="10" t="s">
        <v>138</v>
      </c>
      <c r="H34" s="10" t="s">
        <v>134</v>
      </c>
      <c r="I34" s="10"/>
    </row>
    <row r="35" spans="1:9" x14ac:dyDescent="0.25">
      <c r="A35" s="2" t="s">
        <v>42</v>
      </c>
      <c r="B35" s="15" t="s">
        <v>100</v>
      </c>
      <c r="C35" s="10" t="s">
        <v>101</v>
      </c>
      <c r="D35" s="10">
        <v>92867</v>
      </c>
      <c r="E35" s="10" t="s">
        <v>128</v>
      </c>
      <c r="F35" s="5">
        <v>1013256213</v>
      </c>
      <c r="G35" s="10" t="s">
        <v>138</v>
      </c>
      <c r="H35" s="10" t="s">
        <v>134</v>
      </c>
      <c r="I35" s="10"/>
    </row>
    <row r="36" spans="1:9" x14ac:dyDescent="0.25">
      <c r="A36" s="8" t="s">
        <v>43</v>
      </c>
      <c r="B36" s="15" t="s">
        <v>284</v>
      </c>
      <c r="C36" s="10" t="s">
        <v>102</v>
      </c>
      <c r="D36" s="10">
        <v>92878</v>
      </c>
      <c r="E36" s="10" t="s">
        <v>129</v>
      </c>
      <c r="F36" s="6">
        <v>1811742687</v>
      </c>
      <c r="G36" s="10" t="s">
        <v>138</v>
      </c>
      <c r="H36" s="10" t="s">
        <v>134</v>
      </c>
      <c r="I36" s="10"/>
    </row>
    <row r="37" spans="1:9" ht="45" x14ac:dyDescent="0.25">
      <c r="A37" s="8" t="s">
        <v>44</v>
      </c>
      <c r="B37" s="15" t="s">
        <v>103</v>
      </c>
      <c r="C37" s="10" t="s">
        <v>53</v>
      </c>
      <c r="D37" s="10">
        <v>92501</v>
      </c>
      <c r="E37" s="10" t="s">
        <v>130</v>
      </c>
      <c r="F37" s="28">
        <v>1912415779</v>
      </c>
      <c r="G37" s="10" t="s">
        <v>138</v>
      </c>
      <c r="H37" s="10" t="s">
        <v>134</v>
      </c>
      <c r="I37" s="10"/>
    </row>
    <row r="38" spans="1:9" x14ac:dyDescent="0.25">
      <c r="A38" s="7"/>
      <c r="B38" s="10"/>
      <c r="C38" s="10"/>
      <c r="D38" s="10"/>
      <c r="E38" s="10"/>
      <c r="F38" s="17"/>
      <c r="G38" s="10"/>
      <c r="H38" s="10"/>
      <c r="I38" s="10"/>
    </row>
  </sheetData>
  <autoFilter ref="A1:I61" xr:uid="{00000000-0009-0000-0000-000002000000}"/>
  <phoneticPr fontId="6" type="noConversion"/>
  <dataValidations count="2">
    <dataValidation type="list" allowBlank="1" showInputMessage="1" showErrorMessage="1" sqref="H2:H63" xr:uid="{00000000-0002-0000-0200-000001000000}">
      <formula1>"Active,On Hold,Redirect,LOA,Termed"</formula1>
    </dataValidation>
    <dataValidation type="list" allowBlank="1" showInputMessage="1" showErrorMessage="1" sqref="G2:G21 G23:G63" xr:uid="{00000000-0002-0000-0200-000000000000}">
      <formula1>"San Bernardino,Riverside,Both"</formula1>
    </dataValidation>
  </dataValidations>
  <pageMargins left="0.75" right="0.75" top="1" bottom="1" header="0.5" footer="0.5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dimension ref="A1:K37"/>
  <sheetViews>
    <sheetView workbookViewId="0">
      <pane ySplit="1" topLeftCell="A15" activePane="bottomLeft" state="frozen"/>
      <selection pane="bottomLeft" activeCell="B36" sqref="B36"/>
    </sheetView>
  </sheetViews>
  <sheetFormatPr defaultRowHeight="15" x14ac:dyDescent="0.25"/>
  <cols>
    <col min="1" max="1" width="32" customWidth="1"/>
    <col min="2" max="2" width="31.85546875" bestFit="1" customWidth="1"/>
    <col min="3" max="3" width="18.28515625" bestFit="1" customWidth="1"/>
    <col min="4" max="4" width="13.28515625" bestFit="1" customWidth="1"/>
    <col min="5" max="5" width="19.140625" bestFit="1" customWidth="1"/>
    <col min="6" max="6" width="16.28515625" bestFit="1" customWidth="1"/>
    <col min="7" max="7" width="18.140625" bestFit="1" customWidth="1"/>
    <col min="8" max="8" width="14" bestFit="1" customWidth="1"/>
    <col min="9" max="9" width="51.28515625" bestFit="1" customWidth="1"/>
    <col min="10" max="10" width="59.7109375" bestFit="1" customWidth="1"/>
    <col min="11" max="11" width="23.28515625" bestFit="1" customWidth="1"/>
  </cols>
  <sheetData>
    <row r="1" spans="1:11" x14ac:dyDescent="0.25">
      <c r="A1" s="1" t="s">
        <v>0</v>
      </c>
      <c r="B1" s="1" t="s">
        <v>1</v>
      </c>
      <c r="C1" s="1" t="s">
        <v>2</v>
      </c>
      <c r="D1" s="1" t="s">
        <v>3</v>
      </c>
      <c r="E1" s="1" t="s">
        <v>4</v>
      </c>
      <c r="F1" s="1" t="s">
        <v>5</v>
      </c>
      <c r="G1" s="1" t="s">
        <v>6</v>
      </c>
      <c r="H1" s="1" t="s">
        <v>7</v>
      </c>
      <c r="I1" s="1" t="s">
        <v>8</v>
      </c>
      <c r="J1" s="1" t="s">
        <v>9</v>
      </c>
      <c r="K1" s="1" t="s">
        <v>10</v>
      </c>
    </row>
    <row r="2" spans="1:11" x14ac:dyDescent="0.25">
      <c r="A2" s="2" t="s">
        <v>12</v>
      </c>
      <c r="B2" s="11" t="s">
        <v>49</v>
      </c>
      <c r="C2" s="10" t="s">
        <v>47</v>
      </c>
      <c r="D2" s="10">
        <v>92308</v>
      </c>
      <c r="E2" s="10" t="s">
        <v>104</v>
      </c>
      <c r="F2" s="16">
        <v>1215529201</v>
      </c>
      <c r="G2" s="10" t="s">
        <v>138</v>
      </c>
      <c r="H2" s="10" t="s">
        <v>134</v>
      </c>
      <c r="I2" s="10"/>
    </row>
    <row r="3" spans="1:11" x14ac:dyDescent="0.25">
      <c r="A3" s="2" t="s">
        <v>13</v>
      </c>
      <c r="B3" s="2" t="s">
        <v>50</v>
      </c>
      <c r="C3" s="10" t="s">
        <v>47</v>
      </c>
      <c r="D3" s="10">
        <v>92308</v>
      </c>
      <c r="E3" s="10" t="s">
        <v>104</v>
      </c>
      <c r="F3" s="16">
        <v>1164228656</v>
      </c>
      <c r="G3" s="10" t="s">
        <v>138</v>
      </c>
      <c r="H3" s="10" t="s">
        <v>134</v>
      </c>
      <c r="I3" s="10"/>
    </row>
    <row r="4" spans="1:11" x14ac:dyDescent="0.25">
      <c r="A4" s="8" t="s">
        <v>14</v>
      </c>
      <c r="B4" s="8" t="s">
        <v>51</v>
      </c>
      <c r="C4" s="20" t="s">
        <v>48</v>
      </c>
      <c r="D4" s="20">
        <v>92703</v>
      </c>
      <c r="E4" s="20" t="s">
        <v>105</v>
      </c>
      <c r="F4" s="21">
        <v>1588361158</v>
      </c>
      <c r="G4" s="20" t="s">
        <v>138</v>
      </c>
      <c r="H4" s="20" t="s">
        <v>133</v>
      </c>
      <c r="I4" s="10"/>
    </row>
    <row r="5" spans="1:11" x14ac:dyDescent="0.25">
      <c r="A5" s="8" t="s">
        <v>15</v>
      </c>
      <c r="B5" s="22" t="s">
        <v>55</v>
      </c>
      <c r="C5" s="20" t="s">
        <v>52</v>
      </c>
      <c r="D5" s="20">
        <v>92345</v>
      </c>
      <c r="E5" s="20" t="s">
        <v>106</v>
      </c>
      <c r="F5" s="23">
        <v>1962286971</v>
      </c>
      <c r="G5" s="20" t="s">
        <v>138</v>
      </c>
      <c r="H5" s="20" t="s">
        <v>131</v>
      </c>
      <c r="I5" s="10" t="s">
        <v>137</v>
      </c>
    </row>
    <row r="6" spans="1:11" x14ac:dyDescent="0.25">
      <c r="A6" s="8" t="s">
        <v>16</v>
      </c>
      <c r="B6" s="8" t="s">
        <v>54</v>
      </c>
      <c r="C6" s="20" t="s">
        <v>53</v>
      </c>
      <c r="D6" s="20">
        <v>92507</v>
      </c>
      <c r="E6" s="20" t="s">
        <v>106</v>
      </c>
      <c r="F6" s="24">
        <v>1174371025</v>
      </c>
      <c r="G6" s="20" t="s">
        <v>138</v>
      </c>
      <c r="H6" s="20" t="s">
        <v>131</v>
      </c>
      <c r="I6" s="10" t="s">
        <v>137</v>
      </c>
    </row>
    <row r="7" spans="1:11" ht="30" x14ac:dyDescent="0.25">
      <c r="A7" s="8" t="s">
        <v>17</v>
      </c>
      <c r="B7" s="25" t="s">
        <v>57</v>
      </c>
      <c r="C7" s="20" t="s">
        <v>56</v>
      </c>
      <c r="D7" s="20">
        <v>91345</v>
      </c>
      <c r="E7" s="20" t="s">
        <v>107</v>
      </c>
      <c r="F7" s="24">
        <v>1700555042</v>
      </c>
      <c r="G7" s="20" t="s">
        <v>138</v>
      </c>
      <c r="H7" s="20" t="s">
        <v>134</v>
      </c>
      <c r="I7" s="10"/>
    </row>
    <row r="8" spans="1:11" x14ac:dyDescent="0.25">
      <c r="A8" s="8" t="s">
        <v>18</v>
      </c>
      <c r="B8" s="25" t="s">
        <v>58</v>
      </c>
      <c r="C8" s="20" t="s">
        <v>53</v>
      </c>
      <c r="D8" s="20">
        <v>92513</v>
      </c>
      <c r="E8" s="20" t="s">
        <v>108</v>
      </c>
      <c r="F8" s="23">
        <v>1598195562</v>
      </c>
      <c r="G8" s="20" t="s">
        <v>53</v>
      </c>
      <c r="H8" s="20" t="s">
        <v>134</v>
      </c>
      <c r="I8" s="10"/>
    </row>
    <row r="9" spans="1:11" x14ac:dyDescent="0.25">
      <c r="A9" s="8" t="s">
        <v>19</v>
      </c>
      <c r="B9" s="22" t="s">
        <v>59</v>
      </c>
      <c r="C9" s="20" t="s">
        <v>52</v>
      </c>
      <c r="D9" s="20">
        <v>92345</v>
      </c>
      <c r="E9" s="20" t="s">
        <v>106</v>
      </c>
      <c r="F9" s="23">
        <v>1619706314</v>
      </c>
      <c r="G9" s="20" t="s">
        <v>138</v>
      </c>
      <c r="H9" s="20" t="s">
        <v>131</v>
      </c>
      <c r="I9" s="10" t="s">
        <v>137</v>
      </c>
    </row>
    <row r="10" spans="1:11" ht="30" x14ac:dyDescent="0.25">
      <c r="A10" s="8" t="s">
        <v>20</v>
      </c>
      <c r="B10" s="8" t="s">
        <v>62</v>
      </c>
      <c r="C10" s="20" t="s">
        <v>60</v>
      </c>
      <c r="D10" s="20">
        <v>92402</v>
      </c>
      <c r="E10" s="20" t="s">
        <v>109</v>
      </c>
      <c r="F10" s="24">
        <v>1801486295</v>
      </c>
      <c r="G10" s="20" t="s">
        <v>138</v>
      </c>
      <c r="H10" s="20" t="s">
        <v>133</v>
      </c>
      <c r="I10" s="10"/>
    </row>
    <row r="11" spans="1:11" x14ac:dyDescent="0.25">
      <c r="A11" s="8" t="s">
        <v>21</v>
      </c>
      <c r="B11" s="8" t="s">
        <v>63</v>
      </c>
      <c r="C11" s="20" t="s">
        <v>61</v>
      </c>
      <c r="D11" s="20">
        <v>92373</v>
      </c>
      <c r="E11" s="20" t="s">
        <v>110</v>
      </c>
      <c r="F11" s="24">
        <v>1235951914</v>
      </c>
      <c r="G11" s="20" t="s">
        <v>138</v>
      </c>
      <c r="H11" s="20" t="s">
        <v>134</v>
      </c>
      <c r="I11" s="10"/>
    </row>
    <row r="12" spans="1:11" x14ac:dyDescent="0.25">
      <c r="A12" s="8" t="s">
        <v>22</v>
      </c>
      <c r="B12" s="8" t="s">
        <v>66</v>
      </c>
      <c r="C12" s="20" t="s">
        <v>64</v>
      </c>
      <c r="D12" s="20">
        <v>92545</v>
      </c>
      <c r="E12" s="20" t="s">
        <v>110</v>
      </c>
      <c r="F12" s="24">
        <v>1215727805</v>
      </c>
      <c r="G12" s="20" t="s">
        <v>138</v>
      </c>
      <c r="H12" s="20" t="s">
        <v>134</v>
      </c>
      <c r="I12" s="10"/>
    </row>
    <row r="13" spans="1:11" x14ac:dyDescent="0.25">
      <c r="A13" s="8" t="s">
        <v>23</v>
      </c>
      <c r="B13" s="8" t="s">
        <v>68</v>
      </c>
      <c r="C13" s="20" t="s">
        <v>65</v>
      </c>
      <c r="D13" s="20">
        <v>92553</v>
      </c>
      <c r="E13" s="20" t="s">
        <v>110</v>
      </c>
      <c r="F13" s="24">
        <v>1487444071</v>
      </c>
      <c r="G13" s="20" t="s">
        <v>138</v>
      </c>
      <c r="H13" s="20" t="s">
        <v>134</v>
      </c>
      <c r="I13" s="10"/>
    </row>
    <row r="14" spans="1:11" x14ac:dyDescent="0.25">
      <c r="A14" s="8" t="s">
        <v>24</v>
      </c>
      <c r="B14" s="8" t="s">
        <v>67</v>
      </c>
      <c r="C14" s="20" t="s">
        <v>64</v>
      </c>
      <c r="D14" s="20">
        <v>92544</v>
      </c>
      <c r="E14" s="20" t="s">
        <v>110</v>
      </c>
      <c r="F14" s="24">
        <v>1013707611</v>
      </c>
      <c r="G14" s="20" t="s">
        <v>138</v>
      </c>
      <c r="H14" s="20" t="s">
        <v>134</v>
      </c>
      <c r="I14" s="10"/>
    </row>
    <row r="15" spans="1:11" ht="60" x14ac:dyDescent="0.25">
      <c r="A15" s="8" t="s">
        <v>25</v>
      </c>
      <c r="B15" s="8" t="s">
        <v>70</v>
      </c>
      <c r="C15" s="20" t="s">
        <v>69</v>
      </c>
      <c r="D15" s="20">
        <v>90806</v>
      </c>
      <c r="E15" s="20" t="s">
        <v>111</v>
      </c>
      <c r="F15" s="24">
        <v>1881360758</v>
      </c>
      <c r="G15" s="20" t="s">
        <v>138</v>
      </c>
      <c r="H15" s="20" t="s">
        <v>134</v>
      </c>
      <c r="I15" s="18" t="s">
        <v>136</v>
      </c>
    </row>
    <row r="16" spans="1:11" x14ac:dyDescent="0.25">
      <c r="A16" s="8" t="s">
        <v>26</v>
      </c>
      <c r="B16" s="25" t="s">
        <v>71</v>
      </c>
      <c r="C16" s="20" t="s">
        <v>60</v>
      </c>
      <c r="D16" s="20">
        <v>92408</v>
      </c>
      <c r="E16" s="20" t="s">
        <v>112</v>
      </c>
      <c r="F16" s="24">
        <v>1831722610</v>
      </c>
      <c r="G16" s="20" t="s">
        <v>138</v>
      </c>
      <c r="H16" s="20" t="s">
        <v>134</v>
      </c>
      <c r="I16" s="10" t="s">
        <v>135</v>
      </c>
    </row>
    <row r="17" spans="1:9" x14ac:dyDescent="0.25">
      <c r="A17" s="8" t="s">
        <v>27</v>
      </c>
      <c r="B17" s="26" t="s">
        <v>73</v>
      </c>
      <c r="C17" s="20" t="s">
        <v>72</v>
      </c>
      <c r="D17" s="20">
        <v>92324</v>
      </c>
      <c r="E17" s="20" t="s">
        <v>106</v>
      </c>
      <c r="F17" s="24">
        <v>1932927845</v>
      </c>
      <c r="G17" s="20" t="s">
        <v>138</v>
      </c>
      <c r="H17" s="20" t="s">
        <v>131</v>
      </c>
      <c r="I17" s="10" t="s">
        <v>137</v>
      </c>
    </row>
    <row r="18" spans="1:9" ht="30" x14ac:dyDescent="0.25">
      <c r="A18" s="8" t="s">
        <v>46</v>
      </c>
      <c r="B18" s="25" t="s">
        <v>76</v>
      </c>
      <c r="C18" s="20" t="s">
        <v>74</v>
      </c>
      <c r="D18" s="20">
        <v>92354</v>
      </c>
      <c r="E18" s="20" t="s">
        <v>113</v>
      </c>
      <c r="F18" s="24">
        <v>1134882970</v>
      </c>
      <c r="G18" s="20" t="s">
        <v>138</v>
      </c>
      <c r="H18" s="20" t="s">
        <v>134</v>
      </c>
      <c r="I18" s="10"/>
    </row>
    <row r="19" spans="1:9" ht="30" x14ac:dyDescent="0.25">
      <c r="A19" s="8" t="s">
        <v>28</v>
      </c>
      <c r="B19" s="25" t="s">
        <v>77</v>
      </c>
      <c r="C19" s="20" t="s">
        <v>75</v>
      </c>
      <c r="D19" s="20">
        <v>92123</v>
      </c>
      <c r="E19" s="20" t="s">
        <v>115</v>
      </c>
      <c r="F19" s="24">
        <v>1760477467</v>
      </c>
      <c r="G19" s="20" t="s">
        <v>138</v>
      </c>
      <c r="H19" s="20" t="s">
        <v>134</v>
      </c>
      <c r="I19" s="10"/>
    </row>
    <row r="20" spans="1:9" ht="30" x14ac:dyDescent="0.25">
      <c r="A20" s="2" t="s">
        <v>29</v>
      </c>
      <c r="B20" s="11" t="s">
        <v>81</v>
      </c>
      <c r="C20" s="10" t="s">
        <v>78</v>
      </c>
      <c r="D20" s="10">
        <v>92262</v>
      </c>
      <c r="E20" s="10" t="s">
        <v>114</v>
      </c>
      <c r="F20" s="3">
        <v>1598758179</v>
      </c>
      <c r="G20" s="10" t="s">
        <v>53</v>
      </c>
      <c r="H20" s="10" t="s">
        <v>134</v>
      </c>
      <c r="I20" s="10"/>
    </row>
    <row r="21" spans="1:9" x14ac:dyDescent="0.25">
      <c r="A21" s="2" t="s">
        <v>30</v>
      </c>
      <c r="B21" s="12" t="s">
        <v>82</v>
      </c>
      <c r="C21" s="10" t="s">
        <v>72</v>
      </c>
      <c r="D21" s="10">
        <v>92324</v>
      </c>
      <c r="E21" s="10" t="s">
        <v>116</v>
      </c>
      <c r="F21" s="3">
        <v>1932868072</v>
      </c>
      <c r="G21" s="10" t="s">
        <v>138</v>
      </c>
      <c r="H21" s="10" t="s">
        <v>134</v>
      </c>
      <c r="I21" s="10"/>
    </row>
    <row r="22" spans="1:9" x14ac:dyDescent="0.25">
      <c r="A22" s="2" t="s">
        <v>31</v>
      </c>
      <c r="B22" s="12" t="s">
        <v>83</v>
      </c>
      <c r="C22" s="10" t="s">
        <v>79</v>
      </c>
      <c r="D22" s="10">
        <v>92201</v>
      </c>
      <c r="E22" s="10" t="s">
        <v>117</v>
      </c>
      <c r="F22" s="3">
        <v>1750508818</v>
      </c>
      <c r="G22" s="19" t="s">
        <v>53</v>
      </c>
      <c r="H22" s="10" t="s">
        <v>134</v>
      </c>
      <c r="I22" s="10"/>
    </row>
    <row r="23" spans="1:9" x14ac:dyDescent="0.25">
      <c r="A23" s="2" t="s">
        <v>32</v>
      </c>
      <c r="B23" s="13" t="s">
        <v>84</v>
      </c>
      <c r="C23" s="10" t="s">
        <v>80</v>
      </c>
      <c r="D23" s="10">
        <v>92252</v>
      </c>
      <c r="E23" s="10" t="s">
        <v>118</v>
      </c>
      <c r="F23" s="3">
        <v>1649963125</v>
      </c>
      <c r="G23" s="10" t="s">
        <v>60</v>
      </c>
      <c r="H23" s="10" t="s">
        <v>134</v>
      </c>
      <c r="I23" s="10"/>
    </row>
    <row r="24" spans="1:9" ht="30" x14ac:dyDescent="0.25">
      <c r="A24" s="2" t="s">
        <v>33</v>
      </c>
      <c r="B24" s="11" t="s">
        <v>85</v>
      </c>
      <c r="C24" s="10" t="s">
        <v>60</v>
      </c>
      <c r="D24" s="10">
        <v>92407</v>
      </c>
      <c r="E24" s="10" t="s">
        <v>119</v>
      </c>
      <c r="F24" s="16">
        <v>1477232387</v>
      </c>
      <c r="G24" s="10" t="s">
        <v>138</v>
      </c>
      <c r="H24" s="10" t="s">
        <v>134</v>
      </c>
      <c r="I24" s="10"/>
    </row>
    <row r="25" spans="1:9" x14ac:dyDescent="0.25">
      <c r="A25" s="2" t="s">
        <v>34</v>
      </c>
      <c r="B25" s="14" t="s">
        <v>86</v>
      </c>
      <c r="C25" s="10" t="s">
        <v>60</v>
      </c>
      <c r="D25" s="10">
        <v>92408</v>
      </c>
      <c r="E25" s="10" t="s">
        <v>120</v>
      </c>
      <c r="F25" s="3">
        <v>1912624891</v>
      </c>
      <c r="G25" s="10" t="s">
        <v>138</v>
      </c>
      <c r="H25" s="10" t="s">
        <v>134</v>
      </c>
      <c r="I25" s="10"/>
    </row>
    <row r="26" spans="1:9" x14ac:dyDescent="0.25">
      <c r="A26" s="2" t="s">
        <v>35</v>
      </c>
      <c r="B26" s="15" t="s">
        <v>87</v>
      </c>
      <c r="C26" s="10" t="s">
        <v>53</v>
      </c>
      <c r="D26" s="10">
        <v>92507</v>
      </c>
      <c r="E26" s="10" t="s">
        <v>121</v>
      </c>
      <c r="F26" s="3">
        <v>1629437314</v>
      </c>
      <c r="G26" s="10" t="s">
        <v>53</v>
      </c>
      <c r="H26" s="10" t="s">
        <v>134</v>
      </c>
      <c r="I26" s="10"/>
    </row>
    <row r="27" spans="1:9" ht="30" x14ac:dyDescent="0.25">
      <c r="A27" s="2" t="s">
        <v>36</v>
      </c>
      <c r="B27" s="2" t="s">
        <v>89</v>
      </c>
      <c r="C27" s="10" t="s">
        <v>88</v>
      </c>
      <c r="D27" s="10">
        <v>91761</v>
      </c>
      <c r="E27" s="10" t="s">
        <v>122</v>
      </c>
      <c r="F27" s="3">
        <v>1144928110</v>
      </c>
      <c r="G27" s="10" t="s">
        <v>138</v>
      </c>
      <c r="H27" s="10" t="s">
        <v>134</v>
      </c>
      <c r="I27" s="10"/>
    </row>
    <row r="28" spans="1:9" x14ac:dyDescent="0.25">
      <c r="A28" s="4" t="s">
        <v>37</v>
      </c>
      <c r="B28" s="15" t="s">
        <v>90</v>
      </c>
      <c r="C28" s="10" t="s">
        <v>75</v>
      </c>
      <c r="D28" s="10">
        <v>92108</v>
      </c>
      <c r="E28" s="10" t="s">
        <v>123</v>
      </c>
      <c r="F28" s="16">
        <v>1710336094</v>
      </c>
      <c r="G28" s="10" t="s">
        <v>60</v>
      </c>
      <c r="H28" s="10" t="s">
        <v>134</v>
      </c>
      <c r="I28" s="10"/>
    </row>
    <row r="29" spans="1:9" ht="45" x14ac:dyDescent="0.25">
      <c r="A29" s="2" t="s">
        <v>38</v>
      </c>
      <c r="B29" s="15" t="s">
        <v>91</v>
      </c>
      <c r="C29" s="10" t="s">
        <v>72</v>
      </c>
      <c r="D29" s="10">
        <v>92324</v>
      </c>
      <c r="E29" s="10" t="s">
        <v>124</v>
      </c>
      <c r="F29" s="3">
        <v>1851051551</v>
      </c>
      <c r="G29" s="10" t="s">
        <v>60</v>
      </c>
      <c r="H29" s="10" t="s">
        <v>134</v>
      </c>
      <c r="I29" s="10"/>
    </row>
    <row r="30" spans="1:9" x14ac:dyDescent="0.25">
      <c r="A30" s="2" t="s">
        <v>39</v>
      </c>
      <c r="B30" s="15" t="s">
        <v>92</v>
      </c>
      <c r="C30" s="10" t="s">
        <v>93</v>
      </c>
      <c r="D30" s="10">
        <v>91730</v>
      </c>
      <c r="E30" s="10" t="s">
        <v>125</v>
      </c>
      <c r="F30" s="3">
        <v>1497379267</v>
      </c>
      <c r="G30" s="10" t="s">
        <v>60</v>
      </c>
      <c r="H30" s="10" t="s">
        <v>134</v>
      </c>
      <c r="I30" s="10"/>
    </row>
    <row r="31" spans="1:9" x14ac:dyDescent="0.25">
      <c r="A31" s="2" t="s">
        <v>40</v>
      </c>
      <c r="B31" s="15" t="s">
        <v>94</v>
      </c>
      <c r="C31" s="10" t="s">
        <v>95</v>
      </c>
      <c r="D31" s="10">
        <v>90401</v>
      </c>
      <c r="E31" s="10" t="s">
        <v>126</v>
      </c>
      <c r="F31" s="3">
        <v>1285186353</v>
      </c>
      <c r="G31" s="10" t="s">
        <v>138</v>
      </c>
      <c r="H31" s="10" t="s">
        <v>134</v>
      </c>
      <c r="I31" s="10"/>
    </row>
    <row r="32" spans="1:9" x14ac:dyDescent="0.25">
      <c r="A32" s="2" t="s">
        <v>41</v>
      </c>
      <c r="B32" s="15" t="s">
        <v>96</v>
      </c>
      <c r="C32" s="10" t="s">
        <v>97</v>
      </c>
      <c r="D32" s="10">
        <v>92392</v>
      </c>
      <c r="E32" s="10" t="s">
        <v>127</v>
      </c>
      <c r="F32" s="5">
        <v>1083362297</v>
      </c>
      <c r="G32" s="10" t="s">
        <v>138</v>
      </c>
      <c r="H32" s="10" t="s">
        <v>134</v>
      </c>
      <c r="I32" s="10"/>
    </row>
    <row r="33" spans="1:9" x14ac:dyDescent="0.25">
      <c r="A33" s="2" t="s">
        <v>41</v>
      </c>
      <c r="B33" s="15" t="s">
        <v>98</v>
      </c>
      <c r="C33" s="10" t="s">
        <v>97</v>
      </c>
      <c r="D33" s="10">
        <v>92395</v>
      </c>
      <c r="E33" s="10" t="s">
        <v>127</v>
      </c>
      <c r="F33" s="5">
        <v>1083362297</v>
      </c>
      <c r="G33" s="10" t="s">
        <v>138</v>
      </c>
      <c r="H33" s="10" t="s">
        <v>134</v>
      </c>
      <c r="I33" s="10"/>
    </row>
    <row r="34" spans="1:9" x14ac:dyDescent="0.25">
      <c r="A34" s="2" t="s">
        <v>41</v>
      </c>
      <c r="B34" s="15" t="s">
        <v>99</v>
      </c>
      <c r="C34" s="10" t="s">
        <v>97</v>
      </c>
      <c r="D34" s="10">
        <v>92395</v>
      </c>
      <c r="E34" s="10" t="s">
        <v>127</v>
      </c>
      <c r="F34" s="5">
        <v>1083362297</v>
      </c>
      <c r="G34" s="10" t="s">
        <v>138</v>
      </c>
      <c r="H34" s="10" t="s">
        <v>134</v>
      </c>
      <c r="I34" s="10"/>
    </row>
    <row r="35" spans="1:9" x14ac:dyDescent="0.25">
      <c r="A35" s="2" t="s">
        <v>42</v>
      </c>
      <c r="B35" s="15" t="s">
        <v>100</v>
      </c>
      <c r="C35" s="10" t="s">
        <v>101</v>
      </c>
      <c r="D35" s="10">
        <v>92867</v>
      </c>
      <c r="E35" s="10" t="s">
        <v>128</v>
      </c>
      <c r="F35" s="5">
        <v>1013256213</v>
      </c>
      <c r="G35" s="10" t="s">
        <v>138</v>
      </c>
      <c r="H35" s="10" t="s">
        <v>134</v>
      </c>
      <c r="I35" s="10"/>
    </row>
    <row r="36" spans="1:9" x14ac:dyDescent="0.25">
      <c r="A36" s="8" t="s">
        <v>43</v>
      </c>
      <c r="B36" s="15" t="s">
        <v>284</v>
      </c>
      <c r="C36" s="10" t="s">
        <v>102</v>
      </c>
      <c r="D36" s="10">
        <v>92878</v>
      </c>
      <c r="E36" s="10" t="s">
        <v>129</v>
      </c>
      <c r="F36" s="6">
        <v>1811742687</v>
      </c>
      <c r="G36" s="10" t="s">
        <v>138</v>
      </c>
      <c r="H36" s="10" t="s">
        <v>134</v>
      </c>
      <c r="I36" s="10"/>
    </row>
    <row r="37" spans="1:9" ht="45" x14ac:dyDescent="0.25">
      <c r="A37" s="8" t="s">
        <v>44</v>
      </c>
      <c r="B37" s="15" t="s">
        <v>103</v>
      </c>
      <c r="C37" s="10" t="s">
        <v>53</v>
      </c>
      <c r="D37" s="10">
        <v>92501</v>
      </c>
      <c r="E37" s="10" t="s">
        <v>130</v>
      </c>
      <c r="F37" s="27">
        <v>1912415779</v>
      </c>
      <c r="G37" s="10" t="s">
        <v>138</v>
      </c>
      <c r="H37" s="10" t="s">
        <v>134</v>
      </c>
      <c r="I37" s="10"/>
    </row>
  </sheetData>
  <autoFilter ref="A1:K62" xr:uid="{00000000-0009-0000-0000-000003000000}"/>
  <dataValidations count="2">
    <dataValidation type="list" allowBlank="1" showInputMessage="1" showErrorMessage="1" sqref="I38:I62 G2:G21 G23:G37" xr:uid="{00000000-0002-0000-0300-000000000000}">
      <formula1>"San Bernardino,Riverside,Both"</formula1>
    </dataValidation>
    <dataValidation type="list" allowBlank="1" showInputMessage="1" showErrorMessage="1" sqref="J2:J62 H2:H37" xr:uid="{00000000-0002-0000-0300-000001000000}">
      <formula1>"Active,On Hold,Redirect,LOA,Termed"</formula1>
    </dataValidation>
  </dataValidations>
  <pageMargins left="0.75" right="0.75" top="1" bottom="1" header="0.5" footer="0.5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dimension ref="A1:I25"/>
  <sheetViews>
    <sheetView workbookViewId="0">
      <pane ySplit="1" topLeftCell="A2" activePane="bottomLeft" state="frozen"/>
      <selection pane="bottomLeft" activeCell="B22" sqref="B22:H22"/>
    </sheetView>
  </sheetViews>
  <sheetFormatPr defaultRowHeight="15" x14ac:dyDescent="0.25"/>
  <cols>
    <col min="1" max="1" width="29.7109375" bestFit="1" customWidth="1"/>
    <col min="2" max="2" width="31.85546875" bestFit="1" customWidth="1"/>
    <col min="3" max="3" width="14.140625" bestFit="1" customWidth="1"/>
    <col min="4" max="4" width="13.28515625" bestFit="1" customWidth="1"/>
    <col min="5" max="5" width="19.140625" bestFit="1" customWidth="1"/>
    <col min="6" max="6" width="12.42578125" bestFit="1" customWidth="1"/>
    <col min="7" max="7" width="51.28515625" bestFit="1" customWidth="1"/>
    <col min="8" max="8" width="59.7109375" bestFit="1" customWidth="1"/>
    <col min="9" max="9" width="23.28515625" bestFit="1" customWidth="1"/>
  </cols>
  <sheetData>
    <row r="1" spans="1:9" x14ac:dyDescent="0.25">
      <c r="A1" s="1" t="s">
        <v>0</v>
      </c>
      <c r="B1" s="1" t="s">
        <v>1</v>
      </c>
      <c r="C1" s="1" t="s">
        <v>2</v>
      </c>
      <c r="D1" s="1" t="s">
        <v>3</v>
      </c>
      <c r="E1" s="1" t="s">
        <v>4</v>
      </c>
      <c r="F1" s="29" t="s">
        <v>45</v>
      </c>
      <c r="G1" s="1" t="s">
        <v>8</v>
      </c>
      <c r="H1" s="1" t="s">
        <v>9</v>
      </c>
      <c r="I1" s="1" t="s">
        <v>10</v>
      </c>
    </row>
    <row r="2" spans="1:9" x14ac:dyDescent="0.25">
      <c r="A2" s="21" t="s">
        <v>139</v>
      </c>
      <c r="B2" s="15" t="s">
        <v>145</v>
      </c>
      <c r="C2" s="15" t="s">
        <v>64</v>
      </c>
      <c r="D2" s="15">
        <v>92545</v>
      </c>
      <c r="E2" s="15" t="s">
        <v>146</v>
      </c>
      <c r="F2" s="31">
        <v>1205270154</v>
      </c>
      <c r="G2" s="10" t="s">
        <v>53</v>
      </c>
      <c r="H2" s="10" t="s">
        <v>133</v>
      </c>
      <c r="I2" s="10"/>
    </row>
    <row r="3" spans="1:9" x14ac:dyDescent="0.25">
      <c r="A3" s="24" t="s">
        <v>12</v>
      </c>
      <c r="B3" s="15" t="s">
        <v>49</v>
      </c>
      <c r="C3" s="15" t="s">
        <v>47</v>
      </c>
      <c r="D3" s="15">
        <v>92308</v>
      </c>
      <c r="E3" s="15" t="s">
        <v>104</v>
      </c>
      <c r="F3" s="22">
        <v>1215529201</v>
      </c>
      <c r="G3" s="10" t="s">
        <v>138</v>
      </c>
      <c r="H3" s="10" t="s">
        <v>134</v>
      </c>
      <c r="I3" s="10"/>
    </row>
    <row r="4" spans="1:9" x14ac:dyDescent="0.25">
      <c r="A4" s="24" t="s">
        <v>13</v>
      </c>
      <c r="B4" s="15" t="s">
        <v>50</v>
      </c>
      <c r="C4" s="15" t="s">
        <v>47</v>
      </c>
      <c r="D4" s="15">
        <v>92308</v>
      </c>
      <c r="E4" s="15" t="s">
        <v>104</v>
      </c>
      <c r="F4" s="22">
        <v>1164228656</v>
      </c>
      <c r="G4" s="10" t="s">
        <v>138</v>
      </c>
      <c r="H4" s="10" t="s">
        <v>134</v>
      </c>
      <c r="I4" s="10"/>
    </row>
    <row r="5" spans="1:9" x14ac:dyDescent="0.25">
      <c r="A5" s="24" t="s">
        <v>15</v>
      </c>
      <c r="B5" s="22" t="s">
        <v>55</v>
      </c>
      <c r="C5" s="35" t="s">
        <v>52</v>
      </c>
      <c r="D5" s="35">
        <v>92345</v>
      </c>
      <c r="E5" s="35" t="s">
        <v>106</v>
      </c>
      <c r="F5" s="23">
        <v>1962286971</v>
      </c>
      <c r="G5" s="10" t="s">
        <v>138</v>
      </c>
      <c r="H5" s="10" t="s">
        <v>131</v>
      </c>
      <c r="I5" s="10" t="s">
        <v>137</v>
      </c>
    </row>
    <row r="6" spans="1:9" x14ac:dyDescent="0.25">
      <c r="A6" s="24" t="s">
        <v>16</v>
      </c>
      <c r="B6" s="8" t="s">
        <v>54</v>
      </c>
      <c r="C6" s="35" t="s">
        <v>53</v>
      </c>
      <c r="D6" s="35">
        <v>92507</v>
      </c>
      <c r="E6" s="35" t="s">
        <v>106</v>
      </c>
      <c r="F6" s="24">
        <v>1174371025</v>
      </c>
      <c r="G6" s="10" t="s">
        <v>138</v>
      </c>
      <c r="H6" s="10" t="s">
        <v>131</v>
      </c>
      <c r="I6" s="10" t="s">
        <v>137</v>
      </c>
    </row>
    <row r="7" spans="1:9" ht="30" x14ac:dyDescent="0.25">
      <c r="A7" s="24" t="s">
        <v>17</v>
      </c>
      <c r="B7" s="25" t="s">
        <v>57</v>
      </c>
      <c r="C7" s="35" t="s">
        <v>56</v>
      </c>
      <c r="D7" s="35">
        <v>91345</v>
      </c>
      <c r="E7" s="35" t="s">
        <v>107</v>
      </c>
      <c r="F7" s="32">
        <v>1700555042</v>
      </c>
      <c r="G7" s="20" t="s">
        <v>138</v>
      </c>
      <c r="H7" s="20" t="s">
        <v>134</v>
      </c>
      <c r="I7" s="10"/>
    </row>
    <row r="8" spans="1:9" x14ac:dyDescent="0.25">
      <c r="A8" s="24" t="s">
        <v>18</v>
      </c>
      <c r="B8" s="25" t="s">
        <v>58</v>
      </c>
      <c r="C8" s="35" t="s">
        <v>53</v>
      </c>
      <c r="D8" s="35">
        <v>92513</v>
      </c>
      <c r="E8" s="35" t="s">
        <v>108</v>
      </c>
      <c r="F8" s="23">
        <v>1598195562</v>
      </c>
      <c r="G8" s="10" t="s">
        <v>53</v>
      </c>
      <c r="H8" s="10" t="s">
        <v>134</v>
      </c>
      <c r="I8" s="10"/>
    </row>
    <row r="9" spans="1:9" x14ac:dyDescent="0.25">
      <c r="A9" s="24" t="s">
        <v>19</v>
      </c>
      <c r="B9" s="22" t="s">
        <v>59</v>
      </c>
      <c r="C9" s="35" t="s">
        <v>52</v>
      </c>
      <c r="D9" s="35">
        <v>92345</v>
      </c>
      <c r="E9" s="35" t="s">
        <v>106</v>
      </c>
      <c r="F9" s="23">
        <v>1619706314</v>
      </c>
      <c r="G9" s="20" t="s">
        <v>138</v>
      </c>
      <c r="H9" s="20" t="s">
        <v>131</v>
      </c>
      <c r="I9" s="10" t="s">
        <v>137</v>
      </c>
    </row>
    <row r="10" spans="1:9" x14ac:dyDescent="0.25">
      <c r="A10" s="24" t="s">
        <v>21</v>
      </c>
      <c r="B10" s="8" t="s">
        <v>63</v>
      </c>
      <c r="C10" s="35" t="s">
        <v>61</v>
      </c>
      <c r="D10" s="35">
        <v>92373</v>
      </c>
      <c r="E10" s="35" t="s">
        <v>110</v>
      </c>
      <c r="F10" s="24">
        <v>1235951914</v>
      </c>
      <c r="G10" s="20" t="s">
        <v>138</v>
      </c>
      <c r="H10" s="20" t="s">
        <v>134</v>
      </c>
      <c r="I10" s="10"/>
    </row>
    <row r="11" spans="1:9" x14ac:dyDescent="0.25">
      <c r="A11" s="24" t="s">
        <v>22</v>
      </c>
      <c r="B11" s="8" t="s">
        <v>66</v>
      </c>
      <c r="C11" s="35" t="s">
        <v>64</v>
      </c>
      <c r="D11" s="35">
        <v>92545</v>
      </c>
      <c r="E11" s="35" t="s">
        <v>110</v>
      </c>
      <c r="F11" s="32">
        <v>1215727805</v>
      </c>
      <c r="G11" s="20" t="s">
        <v>138</v>
      </c>
      <c r="H11" s="20" t="s">
        <v>134</v>
      </c>
      <c r="I11" s="10"/>
    </row>
    <row r="12" spans="1:9" x14ac:dyDescent="0.25">
      <c r="A12" s="24" t="s">
        <v>23</v>
      </c>
      <c r="B12" s="8" t="s">
        <v>68</v>
      </c>
      <c r="C12" s="35" t="s">
        <v>65</v>
      </c>
      <c r="D12" s="35">
        <v>92553</v>
      </c>
      <c r="E12" s="35" t="s">
        <v>110</v>
      </c>
      <c r="F12" s="32">
        <v>1487444071</v>
      </c>
      <c r="G12" s="20" t="s">
        <v>138</v>
      </c>
      <c r="H12" s="20" t="s">
        <v>134</v>
      </c>
      <c r="I12" s="10"/>
    </row>
    <row r="13" spans="1:9" x14ac:dyDescent="0.25">
      <c r="A13" s="24" t="s">
        <v>24</v>
      </c>
      <c r="B13" s="8" t="s">
        <v>67</v>
      </c>
      <c r="C13" s="35" t="s">
        <v>64</v>
      </c>
      <c r="D13" s="35">
        <v>92544</v>
      </c>
      <c r="E13" s="35" t="s">
        <v>110</v>
      </c>
      <c r="F13" s="32">
        <v>1013707611</v>
      </c>
      <c r="G13" s="20" t="s">
        <v>138</v>
      </c>
      <c r="H13" s="20" t="s">
        <v>134</v>
      </c>
      <c r="I13" s="10"/>
    </row>
    <row r="14" spans="1:9" x14ac:dyDescent="0.25">
      <c r="A14" s="24" t="s">
        <v>26</v>
      </c>
      <c r="B14" s="25" t="s">
        <v>71</v>
      </c>
      <c r="C14" s="35" t="s">
        <v>60</v>
      </c>
      <c r="D14" s="37">
        <v>92408</v>
      </c>
      <c r="E14" s="35" t="s">
        <v>112</v>
      </c>
      <c r="F14" s="24">
        <v>1831722610</v>
      </c>
      <c r="G14" s="10" t="s">
        <v>138</v>
      </c>
      <c r="H14" s="10" t="s">
        <v>134</v>
      </c>
      <c r="I14" s="10" t="s">
        <v>135</v>
      </c>
    </row>
    <row r="15" spans="1:9" x14ac:dyDescent="0.25">
      <c r="A15" s="24" t="s">
        <v>27</v>
      </c>
      <c r="B15" s="26" t="s">
        <v>73</v>
      </c>
      <c r="C15" s="35" t="s">
        <v>72</v>
      </c>
      <c r="D15" s="35">
        <v>92324</v>
      </c>
      <c r="E15" s="35" t="s">
        <v>106</v>
      </c>
      <c r="F15" s="24">
        <v>1932927845</v>
      </c>
      <c r="G15" s="20" t="s">
        <v>138</v>
      </c>
      <c r="H15" s="20" t="s">
        <v>131</v>
      </c>
      <c r="I15" s="10" t="s">
        <v>137</v>
      </c>
    </row>
    <row r="16" spans="1:9" x14ac:dyDescent="0.25">
      <c r="A16" s="24" t="s">
        <v>31</v>
      </c>
      <c r="B16" s="12" t="s">
        <v>83</v>
      </c>
      <c r="C16" s="15" t="s">
        <v>79</v>
      </c>
      <c r="D16" s="15">
        <v>92201</v>
      </c>
      <c r="E16" s="15" t="s">
        <v>117</v>
      </c>
      <c r="F16" s="3">
        <v>1750508818</v>
      </c>
      <c r="G16" s="19" t="s">
        <v>53</v>
      </c>
      <c r="H16" s="10" t="s">
        <v>134</v>
      </c>
      <c r="I16" s="10"/>
    </row>
    <row r="17" spans="1:9" x14ac:dyDescent="0.25">
      <c r="A17" s="24" t="s">
        <v>32</v>
      </c>
      <c r="B17" s="13" t="s">
        <v>84</v>
      </c>
      <c r="C17" s="15" t="s">
        <v>80</v>
      </c>
      <c r="D17" s="15">
        <v>92252</v>
      </c>
      <c r="E17" s="15" t="s">
        <v>118</v>
      </c>
      <c r="F17" s="3">
        <v>1649963125</v>
      </c>
      <c r="G17" s="10" t="s">
        <v>60</v>
      </c>
      <c r="H17" s="10" t="s">
        <v>134</v>
      </c>
      <c r="I17" s="10"/>
    </row>
    <row r="18" spans="1:9" ht="30" x14ac:dyDescent="0.25">
      <c r="A18" s="24" t="s">
        <v>33</v>
      </c>
      <c r="B18" s="11" t="s">
        <v>85</v>
      </c>
      <c r="C18" s="15" t="s">
        <v>60</v>
      </c>
      <c r="D18" s="15">
        <v>92407</v>
      </c>
      <c r="E18" s="15" t="s">
        <v>119</v>
      </c>
      <c r="F18" s="16">
        <v>1477232387</v>
      </c>
      <c r="G18" s="10" t="s">
        <v>138</v>
      </c>
      <c r="H18" s="10" t="s">
        <v>134</v>
      </c>
      <c r="I18" s="10"/>
    </row>
    <row r="19" spans="1:9" x14ac:dyDescent="0.25">
      <c r="A19" s="24" t="s">
        <v>140</v>
      </c>
      <c r="B19" s="15"/>
      <c r="C19" s="15"/>
      <c r="D19" s="15"/>
      <c r="E19" s="15"/>
      <c r="F19" s="22">
        <v>1912728544</v>
      </c>
      <c r="G19" s="10"/>
      <c r="H19" s="10" t="s">
        <v>134</v>
      </c>
      <c r="I19" s="10"/>
    </row>
    <row r="20" spans="1:9" x14ac:dyDescent="0.25">
      <c r="A20" s="24" t="s">
        <v>141</v>
      </c>
      <c r="B20" s="15" t="s">
        <v>149</v>
      </c>
      <c r="C20" s="15" t="s">
        <v>150</v>
      </c>
      <c r="D20" s="15">
        <v>92335</v>
      </c>
      <c r="E20" s="15" t="s">
        <v>151</v>
      </c>
      <c r="F20" s="22">
        <v>1003698176</v>
      </c>
      <c r="G20" s="10" t="s">
        <v>138</v>
      </c>
      <c r="H20" s="10" t="s">
        <v>134</v>
      </c>
      <c r="I20" s="10"/>
    </row>
    <row r="21" spans="1:9" x14ac:dyDescent="0.25">
      <c r="A21" s="24" t="s">
        <v>142</v>
      </c>
      <c r="B21" s="15"/>
      <c r="C21" s="15"/>
      <c r="D21" s="15"/>
      <c r="E21" s="15"/>
      <c r="F21" s="8">
        <v>1780411694</v>
      </c>
      <c r="G21" s="10"/>
      <c r="H21" s="10" t="s">
        <v>134</v>
      </c>
      <c r="I21" s="10"/>
    </row>
    <row r="22" spans="1:9" x14ac:dyDescent="0.25">
      <c r="A22" s="24" t="s">
        <v>41</v>
      </c>
      <c r="B22" s="15" t="s">
        <v>147</v>
      </c>
      <c r="C22" s="15" t="s">
        <v>47</v>
      </c>
      <c r="D22" s="15">
        <v>92307</v>
      </c>
      <c r="E22" s="15" t="s">
        <v>148</v>
      </c>
      <c r="F22" s="8">
        <v>1083362297</v>
      </c>
      <c r="G22" s="10" t="s">
        <v>138</v>
      </c>
      <c r="H22" s="10" t="s">
        <v>134</v>
      </c>
      <c r="I22" s="10"/>
    </row>
    <row r="23" spans="1:9" ht="30" x14ac:dyDescent="0.25">
      <c r="A23" s="24" t="s">
        <v>143</v>
      </c>
      <c r="B23" s="15" t="s">
        <v>152</v>
      </c>
      <c r="C23" s="15" t="s">
        <v>153</v>
      </c>
      <c r="D23" s="15">
        <v>92586</v>
      </c>
      <c r="E23" s="15" t="s">
        <v>154</v>
      </c>
      <c r="F23" s="22">
        <v>1417705674</v>
      </c>
      <c r="G23" s="10" t="s">
        <v>53</v>
      </c>
      <c r="H23" s="10" t="s">
        <v>134</v>
      </c>
      <c r="I23" s="10"/>
    </row>
    <row r="24" spans="1:9" x14ac:dyDescent="0.25">
      <c r="A24" s="24" t="s">
        <v>144</v>
      </c>
      <c r="B24" s="15" t="s">
        <v>155</v>
      </c>
      <c r="C24" s="15" t="s">
        <v>53</v>
      </c>
      <c r="D24" s="15">
        <v>92501</v>
      </c>
      <c r="E24" s="15">
        <v>56684610</v>
      </c>
      <c r="F24" s="8">
        <v>1609559228</v>
      </c>
      <c r="G24" s="10" t="s">
        <v>138</v>
      </c>
      <c r="H24" s="10" t="s">
        <v>134</v>
      </c>
      <c r="I24" s="10"/>
    </row>
    <row r="25" spans="1:9" x14ac:dyDescent="0.25">
      <c r="A25" s="24" t="s">
        <v>42</v>
      </c>
      <c r="B25" s="15" t="s">
        <v>100</v>
      </c>
      <c r="C25" s="15" t="s">
        <v>101</v>
      </c>
      <c r="D25" s="15">
        <v>92867</v>
      </c>
      <c r="E25" s="15" t="s">
        <v>128</v>
      </c>
      <c r="F25" s="5">
        <v>1013256213</v>
      </c>
      <c r="G25" s="10" t="s">
        <v>138</v>
      </c>
      <c r="H25" s="10" t="s">
        <v>134</v>
      </c>
      <c r="I25" s="10"/>
    </row>
  </sheetData>
  <autoFilter ref="A1:I62" xr:uid="{00000000-0009-0000-0000-000004000000}"/>
  <dataValidations count="2">
    <dataValidation type="list" allowBlank="1" showInputMessage="1" showErrorMessage="1" sqref="G2:G15 G17:G62" xr:uid="{00000000-0002-0000-0400-000000000000}">
      <formula1>"San Bernardino,Riverside,Both"</formula1>
    </dataValidation>
    <dataValidation type="list" allowBlank="1" showInputMessage="1" showErrorMessage="1" sqref="H2:H62" xr:uid="{00000000-0002-0000-0400-000001000000}">
      <formula1>"Active,On Hold,Redirect,LOA,Termed"</formula1>
    </dataValidation>
  </dataValidations>
  <pageMargins left="0.75" right="0.75" top="1" bottom="1" header="0.5" footer="0.5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dimension ref="A1:I17"/>
  <sheetViews>
    <sheetView workbookViewId="0">
      <pane ySplit="1" topLeftCell="A2" activePane="bottomLeft" state="frozen"/>
      <selection pane="bottomLeft" activeCell="B15" sqref="B15:H15"/>
    </sheetView>
  </sheetViews>
  <sheetFormatPr defaultRowHeight="15" x14ac:dyDescent="0.25"/>
  <cols>
    <col min="1" max="1" width="27.28515625" style="41" bestFit="1" customWidth="1"/>
    <col min="2" max="2" width="31.85546875" style="41" bestFit="1" customWidth="1"/>
    <col min="3" max="3" width="14.5703125" style="41" bestFit="1" customWidth="1"/>
    <col min="4" max="4" width="13.28515625" style="41" bestFit="1" customWidth="1"/>
    <col min="5" max="5" width="19.140625" style="41" bestFit="1" customWidth="1"/>
    <col min="6" max="6" width="11" style="41" bestFit="1" customWidth="1"/>
    <col min="7" max="7" width="51.28515625" style="41" bestFit="1" customWidth="1"/>
    <col min="8" max="8" width="59.7109375" style="41" bestFit="1" customWidth="1"/>
    <col min="9" max="9" width="23.28515625" style="41" bestFit="1" customWidth="1"/>
    <col min="10" max="16384" width="9.140625" style="41"/>
  </cols>
  <sheetData>
    <row r="1" spans="1:9" x14ac:dyDescent="0.25">
      <c r="A1" s="40" t="s">
        <v>0</v>
      </c>
      <c r="B1" s="40" t="s">
        <v>1</v>
      </c>
      <c r="C1" s="40" t="s">
        <v>2</v>
      </c>
      <c r="D1" s="40" t="s">
        <v>3</v>
      </c>
      <c r="E1" s="40" t="s">
        <v>4</v>
      </c>
      <c r="F1" s="40" t="s">
        <v>45</v>
      </c>
      <c r="G1" s="40" t="s">
        <v>8</v>
      </c>
      <c r="H1" s="40" t="s">
        <v>9</v>
      </c>
      <c r="I1" s="40" t="s">
        <v>10</v>
      </c>
    </row>
    <row r="2" spans="1:9" x14ac:dyDescent="0.25">
      <c r="A2" s="27" t="s">
        <v>12</v>
      </c>
      <c r="B2" s="46" t="s">
        <v>49</v>
      </c>
      <c r="C2" s="33" t="s">
        <v>47</v>
      </c>
      <c r="D2" s="33">
        <v>92308</v>
      </c>
      <c r="E2" s="33" t="s">
        <v>104</v>
      </c>
      <c r="F2" s="38">
        <v>1215529201</v>
      </c>
      <c r="G2" s="33" t="s">
        <v>138</v>
      </c>
      <c r="H2" s="33" t="s">
        <v>134</v>
      </c>
      <c r="I2" s="33"/>
    </row>
    <row r="3" spans="1:9" x14ac:dyDescent="0.25">
      <c r="A3" s="27" t="s">
        <v>13</v>
      </c>
      <c r="B3" s="47" t="s">
        <v>50</v>
      </c>
      <c r="C3" s="33" t="s">
        <v>47</v>
      </c>
      <c r="D3" s="33">
        <v>92308</v>
      </c>
      <c r="E3" s="33" t="s">
        <v>104</v>
      </c>
      <c r="F3" s="38">
        <v>1164228656</v>
      </c>
      <c r="G3" s="33" t="s">
        <v>138</v>
      </c>
      <c r="H3" s="33" t="s">
        <v>134</v>
      </c>
      <c r="I3" s="33"/>
    </row>
    <row r="4" spans="1:9" x14ac:dyDescent="0.25">
      <c r="A4" s="27" t="s">
        <v>15</v>
      </c>
      <c r="B4" s="45" t="s">
        <v>55</v>
      </c>
      <c r="C4" s="34" t="s">
        <v>52</v>
      </c>
      <c r="D4" s="34">
        <v>92345</v>
      </c>
      <c r="E4" s="34" t="s">
        <v>106</v>
      </c>
      <c r="F4" s="42">
        <v>1962286971</v>
      </c>
      <c r="G4" s="33" t="s">
        <v>138</v>
      </c>
      <c r="H4" s="33" t="s">
        <v>131</v>
      </c>
      <c r="I4" s="33" t="s">
        <v>137</v>
      </c>
    </row>
    <row r="5" spans="1:9" x14ac:dyDescent="0.25">
      <c r="A5" s="27" t="s">
        <v>16</v>
      </c>
      <c r="B5" s="48" t="s">
        <v>54</v>
      </c>
      <c r="C5" s="34" t="s">
        <v>53</v>
      </c>
      <c r="D5" s="34">
        <v>92507</v>
      </c>
      <c r="E5" s="34" t="s">
        <v>106</v>
      </c>
      <c r="F5" s="32">
        <v>1174371025</v>
      </c>
      <c r="G5" s="33" t="s">
        <v>138</v>
      </c>
      <c r="H5" s="33" t="s">
        <v>131</v>
      </c>
      <c r="I5" s="33" t="s">
        <v>137</v>
      </c>
    </row>
    <row r="6" spans="1:9" x14ac:dyDescent="0.25">
      <c r="A6" s="27" t="s">
        <v>18</v>
      </c>
      <c r="B6" s="43" t="s">
        <v>58</v>
      </c>
      <c r="C6" s="34" t="s">
        <v>53</v>
      </c>
      <c r="D6" s="34">
        <v>92513</v>
      </c>
      <c r="E6" s="34" t="s">
        <v>108</v>
      </c>
      <c r="F6" s="44">
        <v>1598195562</v>
      </c>
      <c r="G6" s="34" t="s">
        <v>53</v>
      </c>
      <c r="H6" s="34" t="s">
        <v>134</v>
      </c>
      <c r="I6" s="33"/>
    </row>
    <row r="7" spans="1:9" x14ac:dyDescent="0.25">
      <c r="A7" s="27" t="s">
        <v>19</v>
      </c>
      <c r="B7" s="45" t="s">
        <v>59</v>
      </c>
      <c r="C7" s="34" t="s">
        <v>52</v>
      </c>
      <c r="D7" s="34">
        <v>92345</v>
      </c>
      <c r="E7" s="34" t="s">
        <v>106</v>
      </c>
      <c r="F7" s="44">
        <v>1619706314</v>
      </c>
      <c r="G7" s="34" t="s">
        <v>138</v>
      </c>
      <c r="H7" s="34" t="s">
        <v>131</v>
      </c>
      <c r="I7" s="33" t="s">
        <v>137</v>
      </c>
    </row>
    <row r="8" spans="1:9" x14ac:dyDescent="0.25">
      <c r="A8" s="27" t="s">
        <v>21</v>
      </c>
      <c r="B8" s="48" t="s">
        <v>63</v>
      </c>
      <c r="C8" s="34" t="s">
        <v>61</v>
      </c>
      <c r="D8" s="34">
        <v>92373</v>
      </c>
      <c r="E8" s="34" t="s">
        <v>110</v>
      </c>
      <c r="F8" s="24">
        <v>1235951914</v>
      </c>
      <c r="G8" s="20" t="s">
        <v>138</v>
      </c>
      <c r="H8" s="20" t="s">
        <v>134</v>
      </c>
      <c r="I8" s="10"/>
    </row>
    <row r="9" spans="1:9" x14ac:dyDescent="0.25">
      <c r="A9" s="27" t="s">
        <v>22</v>
      </c>
      <c r="B9" s="48" t="s">
        <v>66</v>
      </c>
      <c r="C9" s="34" t="s">
        <v>64</v>
      </c>
      <c r="D9" s="34">
        <v>92545</v>
      </c>
      <c r="E9" s="34" t="s">
        <v>110</v>
      </c>
      <c r="F9" s="24">
        <v>1215727805</v>
      </c>
      <c r="G9" s="20" t="s">
        <v>138</v>
      </c>
      <c r="H9" s="20" t="s">
        <v>134</v>
      </c>
      <c r="I9" s="10"/>
    </row>
    <row r="10" spans="1:9" x14ac:dyDescent="0.25">
      <c r="A10" s="27" t="s">
        <v>23</v>
      </c>
      <c r="B10" s="48" t="s">
        <v>68</v>
      </c>
      <c r="C10" s="34" t="s">
        <v>65</v>
      </c>
      <c r="D10" s="34">
        <v>92553</v>
      </c>
      <c r="E10" s="34" t="s">
        <v>110</v>
      </c>
      <c r="F10" s="24">
        <v>1487444071</v>
      </c>
      <c r="G10" s="20" t="s">
        <v>138</v>
      </c>
      <c r="H10" s="20" t="s">
        <v>134</v>
      </c>
      <c r="I10" s="10"/>
    </row>
    <row r="11" spans="1:9" x14ac:dyDescent="0.25">
      <c r="A11" s="27" t="s">
        <v>24</v>
      </c>
      <c r="B11" s="48" t="s">
        <v>67</v>
      </c>
      <c r="C11" s="34" t="s">
        <v>64</v>
      </c>
      <c r="D11" s="34">
        <v>92544</v>
      </c>
      <c r="E11" s="34" t="s">
        <v>110</v>
      </c>
      <c r="F11" s="24">
        <v>1013707611</v>
      </c>
      <c r="G11" s="20" t="s">
        <v>138</v>
      </c>
      <c r="H11" s="20" t="s">
        <v>134</v>
      </c>
      <c r="I11" s="33"/>
    </row>
    <row r="12" spans="1:9" x14ac:dyDescent="0.25">
      <c r="A12" s="27" t="s">
        <v>26</v>
      </c>
      <c r="B12" s="43" t="s">
        <v>71</v>
      </c>
      <c r="C12" s="34" t="s">
        <v>60</v>
      </c>
      <c r="D12" s="34">
        <v>92408</v>
      </c>
      <c r="E12" s="34" t="s">
        <v>112</v>
      </c>
      <c r="F12" s="24">
        <v>1831722610</v>
      </c>
      <c r="G12" s="10" t="s">
        <v>138</v>
      </c>
      <c r="H12" s="10" t="s">
        <v>134</v>
      </c>
      <c r="I12" s="33"/>
    </row>
    <row r="13" spans="1:9" x14ac:dyDescent="0.25">
      <c r="A13" s="27" t="s">
        <v>27</v>
      </c>
      <c r="B13" s="49" t="s">
        <v>73</v>
      </c>
      <c r="C13" s="34" t="s">
        <v>72</v>
      </c>
      <c r="D13" s="34">
        <v>92324</v>
      </c>
      <c r="E13" s="34" t="s">
        <v>106</v>
      </c>
      <c r="F13" s="24">
        <v>1932927845</v>
      </c>
      <c r="G13" s="20" t="s">
        <v>138</v>
      </c>
      <c r="H13" s="20" t="s">
        <v>131</v>
      </c>
      <c r="I13" s="10" t="s">
        <v>137</v>
      </c>
    </row>
    <row r="14" spans="1:9" x14ac:dyDescent="0.25">
      <c r="A14" s="27" t="s">
        <v>31</v>
      </c>
      <c r="B14" s="50" t="s">
        <v>83</v>
      </c>
      <c r="C14" s="33" t="s">
        <v>79</v>
      </c>
      <c r="D14" s="33">
        <v>92201</v>
      </c>
      <c r="E14" s="33" t="s">
        <v>117</v>
      </c>
      <c r="F14" s="3">
        <v>1750508818</v>
      </c>
      <c r="G14" s="19" t="s">
        <v>53</v>
      </c>
      <c r="H14" s="10" t="s">
        <v>134</v>
      </c>
      <c r="I14" s="33"/>
    </row>
    <row r="15" spans="1:9" ht="30" x14ac:dyDescent="0.25">
      <c r="A15" s="27" t="s">
        <v>33</v>
      </c>
      <c r="B15" s="46" t="s">
        <v>85</v>
      </c>
      <c r="C15" s="33" t="s">
        <v>60</v>
      </c>
      <c r="D15" s="33">
        <v>92407</v>
      </c>
      <c r="E15" s="33" t="s">
        <v>119</v>
      </c>
      <c r="F15" s="16">
        <v>1477232387</v>
      </c>
      <c r="G15" s="10" t="s">
        <v>138</v>
      </c>
      <c r="H15" s="10" t="s">
        <v>134</v>
      </c>
      <c r="I15" s="33"/>
    </row>
    <row r="16" spans="1:9" x14ac:dyDescent="0.25">
      <c r="A16" s="27" t="s">
        <v>41</v>
      </c>
      <c r="B16" s="33" t="s">
        <v>147</v>
      </c>
      <c r="C16" s="33" t="s">
        <v>47</v>
      </c>
      <c r="D16" s="33">
        <v>92307</v>
      </c>
      <c r="E16" s="33" t="s">
        <v>148</v>
      </c>
      <c r="F16" s="8">
        <v>1083362297</v>
      </c>
      <c r="G16" s="10" t="s">
        <v>138</v>
      </c>
      <c r="H16" s="10" t="s">
        <v>134</v>
      </c>
      <c r="I16" s="33"/>
    </row>
    <row r="17" spans="1:9" x14ac:dyDescent="0.25">
      <c r="A17" s="27" t="s">
        <v>42</v>
      </c>
      <c r="B17" s="33" t="s">
        <v>100</v>
      </c>
      <c r="C17" s="33" t="s">
        <v>101</v>
      </c>
      <c r="D17" s="33">
        <v>92867</v>
      </c>
      <c r="E17" s="33" t="s">
        <v>128</v>
      </c>
      <c r="F17" s="5">
        <v>1013256213</v>
      </c>
      <c r="G17" s="10" t="s">
        <v>138</v>
      </c>
      <c r="H17" s="10" t="s">
        <v>134</v>
      </c>
      <c r="I17" s="33"/>
    </row>
  </sheetData>
  <autoFilter ref="A1:I62" xr:uid="{00000000-0009-0000-0000-000005000000}"/>
  <dataValidations count="2">
    <dataValidation type="list" allowBlank="1" showInputMessage="1" showErrorMessage="1" sqref="G2:G13 G15:G62" xr:uid="{00000000-0002-0000-0500-000000000000}">
      <formula1>"San Bernardino,Riverside,Both"</formula1>
    </dataValidation>
    <dataValidation type="list" allowBlank="1" showInputMessage="1" showErrorMessage="1" sqref="H2:H62" xr:uid="{00000000-0002-0000-0500-000001000000}">
      <formula1>"Active,On Hold,Redirect,LOA,Termed"</formula1>
    </dataValidation>
  </dataValidations>
  <pageMargins left="0.75" right="0.75" top="1" bottom="1" header="0.5" footer="0.5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dimension ref="A1:I14"/>
  <sheetViews>
    <sheetView workbookViewId="0">
      <pane ySplit="1" topLeftCell="A2" activePane="bottomLeft" state="frozen"/>
      <selection pane="bottomLeft" activeCell="B14" sqref="B14:I14"/>
    </sheetView>
  </sheetViews>
  <sheetFormatPr defaultRowHeight="15" x14ac:dyDescent="0.25"/>
  <cols>
    <col min="1" max="1" width="27.28515625" bestFit="1" customWidth="1"/>
    <col min="2" max="2" width="30.85546875" bestFit="1" customWidth="1"/>
    <col min="3" max="3" width="11.5703125" bestFit="1" customWidth="1"/>
    <col min="4" max="4" width="13.28515625" bestFit="1" customWidth="1"/>
    <col min="5" max="5" width="19.140625" bestFit="1" customWidth="1"/>
    <col min="6" max="6" width="11" bestFit="1" customWidth="1"/>
    <col min="7" max="7" width="51.28515625" bestFit="1" customWidth="1"/>
    <col min="8" max="8" width="59.7109375" bestFit="1" customWidth="1"/>
    <col min="9" max="9" width="23.28515625" bestFit="1" customWidth="1"/>
  </cols>
  <sheetData>
    <row r="1" spans="1:9" x14ac:dyDescent="0.25">
      <c r="A1" s="1" t="s">
        <v>0</v>
      </c>
      <c r="B1" s="1" t="s">
        <v>1</v>
      </c>
      <c r="C1" s="1" t="s">
        <v>2</v>
      </c>
      <c r="D1" s="1" t="s">
        <v>3</v>
      </c>
      <c r="E1" s="1" t="s">
        <v>4</v>
      </c>
      <c r="F1" s="29" t="s">
        <v>45</v>
      </c>
      <c r="G1" s="1" t="s">
        <v>8</v>
      </c>
      <c r="H1" s="1" t="s">
        <v>9</v>
      </c>
      <c r="I1" s="1" t="s">
        <v>10</v>
      </c>
    </row>
    <row r="2" spans="1:9" x14ac:dyDescent="0.25">
      <c r="A2" s="8" t="s">
        <v>156</v>
      </c>
      <c r="B2" s="15" t="s">
        <v>168</v>
      </c>
      <c r="C2" s="15" t="s">
        <v>102</v>
      </c>
      <c r="D2" s="15">
        <v>92883</v>
      </c>
      <c r="E2" s="15" t="s">
        <v>169</v>
      </c>
      <c r="F2" s="52">
        <v>1437914843</v>
      </c>
      <c r="G2" s="10" t="s">
        <v>138</v>
      </c>
      <c r="H2" s="10" t="s">
        <v>134</v>
      </c>
      <c r="I2" s="10"/>
    </row>
    <row r="3" spans="1:9" ht="30" x14ac:dyDescent="0.25">
      <c r="A3" s="8" t="s">
        <v>157</v>
      </c>
      <c r="B3" s="15" t="s">
        <v>170</v>
      </c>
      <c r="C3" s="15" t="s">
        <v>171</v>
      </c>
      <c r="D3" s="15">
        <v>33716</v>
      </c>
      <c r="E3" s="15" t="s">
        <v>172</v>
      </c>
      <c r="F3" s="8">
        <v>1114020401</v>
      </c>
      <c r="G3" s="10" t="s">
        <v>138</v>
      </c>
      <c r="H3" s="10" t="s">
        <v>134</v>
      </c>
      <c r="I3" s="10"/>
    </row>
    <row r="4" spans="1:9" x14ac:dyDescent="0.25">
      <c r="A4" s="51" t="s">
        <v>158</v>
      </c>
      <c r="B4" s="15" t="s">
        <v>173</v>
      </c>
      <c r="C4" s="15" t="s">
        <v>174</v>
      </c>
      <c r="D4" s="15">
        <v>83301</v>
      </c>
      <c r="E4" s="15" t="s">
        <v>175</v>
      </c>
      <c r="F4" s="53">
        <v>1235407420</v>
      </c>
      <c r="G4" s="10" t="s">
        <v>138</v>
      </c>
      <c r="H4" s="10" t="s">
        <v>134</v>
      </c>
      <c r="I4" s="10"/>
    </row>
    <row r="5" spans="1:9" ht="30" x14ac:dyDescent="0.25">
      <c r="A5" s="8" t="s">
        <v>159</v>
      </c>
      <c r="B5" s="15" t="s">
        <v>176</v>
      </c>
      <c r="C5" s="15" t="s">
        <v>177</v>
      </c>
      <c r="D5" s="15">
        <v>90291</v>
      </c>
      <c r="E5" s="15" t="s">
        <v>178</v>
      </c>
      <c r="F5" s="8">
        <v>1952019671</v>
      </c>
      <c r="G5" s="10" t="s">
        <v>138</v>
      </c>
      <c r="H5" s="10" t="s">
        <v>134</v>
      </c>
      <c r="I5" s="10"/>
    </row>
    <row r="6" spans="1:9" ht="30" x14ac:dyDescent="0.25">
      <c r="A6" s="8" t="s">
        <v>160</v>
      </c>
      <c r="B6" s="15" t="s">
        <v>179</v>
      </c>
      <c r="C6" s="15" t="s">
        <v>180</v>
      </c>
      <c r="D6" s="15">
        <v>33166</v>
      </c>
      <c r="E6" s="15" t="s">
        <v>181</v>
      </c>
      <c r="F6" s="8">
        <v>1083764724</v>
      </c>
      <c r="G6" s="10" t="s">
        <v>138</v>
      </c>
      <c r="H6" s="10" t="s">
        <v>134</v>
      </c>
      <c r="I6" s="10"/>
    </row>
    <row r="7" spans="1:9" x14ac:dyDescent="0.25">
      <c r="A7" s="8" t="s">
        <v>161</v>
      </c>
      <c r="B7" s="15" t="s">
        <v>182</v>
      </c>
      <c r="C7" s="15" t="s">
        <v>183</v>
      </c>
      <c r="D7" s="15">
        <v>30005</v>
      </c>
      <c r="E7" s="15" t="s">
        <v>184</v>
      </c>
      <c r="F7" s="8">
        <v>1063184737</v>
      </c>
      <c r="G7" s="10" t="s">
        <v>138</v>
      </c>
      <c r="H7" s="10" t="s">
        <v>134</v>
      </c>
      <c r="I7" s="10"/>
    </row>
    <row r="8" spans="1:9" ht="30" x14ac:dyDescent="0.25">
      <c r="A8" s="8" t="s">
        <v>167</v>
      </c>
      <c r="B8" s="15" t="s">
        <v>185</v>
      </c>
      <c r="C8" s="15" t="s">
        <v>186</v>
      </c>
      <c r="D8" s="15">
        <v>50021</v>
      </c>
      <c r="E8" s="15" t="s">
        <v>187</v>
      </c>
      <c r="F8" s="8">
        <v>1093834020</v>
      </c>
      <c r="G8" s="10" t="s">
        <v>138</v>
      </c>
      <c r="H8" s="10" t="s">
        <v>134</v>
      </c>
      <c r="I8" s="10"/>
    </row>
    <row r="9" spans="1:9" ht="30" x14ac:dyDescent="0.25">
      <c r="A9" s="8" t="s">
        <v>36</v>
      </c>
      <c r="B9" s="15" t="s">
        <v>191</v>
      </c>
      <c r="C9" s="15" t="s">
        <v>88</v>
      </c>
      <c r="D9" s="15">
        <v>91761</v>
      </c>
      <c r="E9" s="15" t="s">
        <v>122</v>
      </c>
      <c r="F9" s="8">
        <v>1144928110</v>
      </c>
      <c r="G9" s="10" t="s">
        <v>138</v>
      </c>
      <c r="H9" s="10" t="s">
        <v>134</v>
      </c>
      <c r="I9" s="10"/>
    </row>
    <row r="10" spans="1:9" x14ac:dyDescent="0.25">
      <c r="A10" s="8" t="s">
        <v>162</v>
      </c>
      <c r="B10" s="15" t="s">
        <v>189</v>
      </c>
      <c r="C10" s="15" t="s">
        <v>188</v>
      </c>
      <c r="D10" s="15">
        <v>98230</v>
      </c>
      <c r="E10" s="15" t="s">
        <v>190</v>
      </c>
      <c r="F10" s="8">
        <v>1144928110</v>
      </c>
      <c r="G10" s="10" t="s">
        <v>138</v>
      </c>
      <c r="H10" s="10" t="s">
        <v>134</v>
      </c>
      <c r="I10" s="10"/>
    </row>
    <row r="11" spans="1:9" ht="30" x14ac:dyDescent="0.25">
      <c r="A11" s="51" t="s">
        <v>163</v>
      </c>
      <c r="B11" s="15" t="s">
        <v>192</v>
      </c>
      <c r="C11" s="15" t="s">
        <v>193</v>
      </c>
      <c r="D11" s="15">
        <v>75207</v>
      </c>
      <c r="E11" s="15" t="s">
        <v>194</v>
      </c>
      <c r="F11" s="53">
        <v>1598429987</v>
      </c>
      <c r="G11" s="10" t="s">
        <v>138</v>
      </c>
      <c r="H11" s="10" t="s">
        <v>134</v>
      </c>
      <c r="I11" s="10"/>
    </row>
    <row r="12" spans="1:9" ht="45" x14ac:dyDescent="0.25">
      <c r="A12" s="51" t="s">
        <v>164</v>
      </c>
      <c r="B12" s="15" t="s">
        <v>195</v>
      </c>
      <c r="C12" s="15" t="s">
        <v>196</v>
      </c>
      <c r="D12" s="15">
        <v>92662</v>
      </c>
      <c r="E12" s="15" t="s">
        <v>197</v>
      </c>
      <c r="F12" s="54">
        <v>1619624616</v>
      </c>
      <c r="G12" s="10" t="s">
        <v>138</v>
      </c>
      <c r="H12" s="10" t="s">
        <v>134</v>
      </c>
      <c r="I12" s="10"/>
    </row>
    <row r="13" spans="1:9" x14ac:dyDescent="0.25">
      <c r="A13" s="8" t="s">
        <v>166</v>
      </c>
      <c r="B13" s="15" t="s">
        <v>198</v>
      </c>
      <c r="C13" s="15" t="s">
        <v>199</v>
      </c>
      <c r="D13" s="15">
        <v>48009</v>
      </c>
      <c r="E13" s="15"/>
      <c r="F13" s="9">
        <v>1649937236</v>
      </c>
      <c r="G13" s="10" t="s">
        <v>138</v>
      </c>
      <c r="H13" s="10" t="s">
        <v>134</v>
      </c>
      <c r="I13" s="10"/>
    </row>
    <row r="14" spans="1:9" x14ac:dyDescent="0.25">
      <c r="A14" s="8" t="s">
        <v>165</v>
      </c>
      <c r="B14" s="15" t="s">
        <v>201</v>
      </c>
      <c r="C14" s="15" t="s">
        <v>97</v>
      </c>
      <c r="D14" s="15">
        <v>92392</v>
      </c>
      <c r="E14" s="15" t="s">
        <v>200</v>
      </c>
      <c r="F14" s="30">
        <v>1124490446</v>
      </c>
      <c r="G14" s="10" t="s">
        <v>138</v>
      </c>
      <c r="H14" s="10" t="s">
        <v>133</v>
      </c>
      <c r="I14" s="10" t="s">
        <v>202</v>
      </c>
    </row>
  </sheetData>
  <autoFilter ref="A1:I60" xr:uid="{00000000-0009-0000-0000-000006000000}"/>
  <dataValidations count="2">
    <dataValidation type="list" allowBlank="1" showInputMessage="1" showErrorMessage="1" sqref="G2:G60" xr:uid="{00000000-0002-0000-0600-000000000000}">
      <formula1>"San Bernardino,Riverside,Both"</formula1>
    </dataValidation>
    <dataValidation type="list" allowBlank="1" showInputMessage="1" showErrorMessage="1" sqref="H2:H60" xr:uid="{00000000-0002-0000-0600-000001000000}">
      <formula1>"Active,On Hold,Redirect,LOA,Termed"</formula1>
    </dataValidation>
  </dataValidations>
  <pageMargins left="0.75" right="0.75" top="1" bottom="1" header="0.5" footer="0.5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dimension ref="A1:I11"/>
  <sheetViews>
    <sheetView workbookViewId="0">
      <pane ySplit="1" topLeftCell="A2" activePane="bottomLeft" state="frozen"/>
      <selection pane="bottomLeft" activeCell="B8" sqref="B8"/>
    </sheetView>
  </sheetViews>
  <sheetFormatPr defaultColWidth="32.140625" defaultRowHeight="15" x14ac:dyDescent="0.25"/>
  <cols>
    <col min="1" max="1" width="27.28515625" bestFit="1" customWidth="1"/>
    <col min="2" max="2" width="30.85546875" bestFit="1" customWidth="1"/>
    <col min="3" max="3" width="14.7109375" bestFit="1" customWidth="1"/>
    <col min="4" max="4" width="13.28515625" bestFit="1" customWidth="1"/>
    <col min="5" max="5" width="19.140625" bestFit="1" customWidth="1"/>
    <col min="6" max="6" width="11" bestFit="1" customWidth="1"/>
    <col min="7" max="7" width="51.28515625" bestFit="1" customWidth="1"/>
    <col min="8" max="8" width="59.7109375" bestFit="1" customWidth="1"/>
    <col min="9" max="9" width="23.28515625" bestFit="1" customWidth="1"/>
  </cols>
  <sheetData>
    <row r="1" spans="1:9" x14ac:dyDescent="0.25">
      <c r="A1" s="1" t="s">
        <v>0</v>
      </c>
      <c r="B1" s="1" t="s">
        <v>1</v>
      </c>
      <c r="C1" s="1" t="s">
        <v>2</v>
      </c>
      <c r="D1" s="1" t="s">
        <v>3</v>
      </c>
      <c r="E1" s="1" t="s">
        <v>4</v>
      </c>
      <c r="F1" s="1" t="s">
        <v>45</v>
      </c>
      <c r="G1" s="1" t="s">
        <v>8</v>
      </c>
      <c r="H1" s="1" t="s">
        <v>9</v>
      </c>
      <c r="I1" s="1" t="s">
        <v>10</v>
      </c>
    </row>
    <row r="2" spans="1:9" x14ac:dyDescent="0.25">
      <c r="A2" s="8" t="s">
        <v>203</v>
      </c>
      <c r="B2" s="15" t="s">
        <v>168</v>
      </c>
      <c r="C2" s="15" t="s">
        <v>102</v>
      </c>
      <c r="D2" s="15">
        <v>92883</v>
      </c>
      <c r="E2" s="15" t="s">
        <v>169</v>
      </c>
      <c r="F2" s="56">
        <v>1437914843</v>
      </c>
      <c r="G2" s="10" t="s">
        <v>138</v>
      </c>
      <c r="H2" s="10" t="s">
        <v>134</v>
      </c>
      <c r="I2" s="55"/>
    </row>
    <row r="3" spans="1:9" ht="45" x14ac:dyDescent="0.25">
      <c r="A3" s="8" t="s">
        <v>204</v>
      </c>
      <c r="B3" s="25" t="s">
        <v>206</v>
      </c>
      <c r="C3" s="25" t="s">
        <v>207</v>
      </c>
      <c r="D3" s="25">
        <v>92571</v>
      </c>
      <c r="E3" s="25" t="s">
        <v>208</v>
      </c>
      <c r="F3" s="38">
        <v>1780434829</v>
      </c>
      <c r="G3" s="55" t="s">
        <v>138</v>
      </c>
      <c r="H3" s="55" t="s">
        <v>134</v>
      </c>
      <c r="I3" s="55"/>
    </row>
    <row r="4" spans="1:9" ht="30" x14ac:dyDescent="0.25">
      <c r="A4" s="8" t="s">
        <v>33</v>
      </c>
      <c r="B4" s="11" t="s">
        <v>85</v>
      </c>
      <c r="C4" s="15" t="s">
        <v>60</v>
      </c>
      <c r="D4" s="15">
        <v>92407</v>
      </c>
      <c r="E4" s="15" t="s">
        <v>119</v>
      </c>
      <c r="F4" s="57">
        <v>1477232387</v>
      </c>
      <c r="G4" s="10" t="s">
        <v>138</v>
      </c>
      <c r="H4" s="55" t="s">
        <v>134</v>
      </c>
      <c r="I4" s="55"/>
    </row>
    <row r="5" spans="1:9" x14ac:dyDescent="0.25">
      <c r="A5" s="8" t="s">
        <v>205</v>
      </c>
      <c r="B5" s="25" t="s">
        <v>209</v>
      </c>
      <c r="C5" s="25" t="s">
        <v>196</v>
      </c>
      <c r="D5" s="25">
        <v>92633</v>
      </c>
      <c r="E5" s="25" t="s">
        <v>210</v>
      </c>
      <c r="F5" s="39">
        <v>1235847682</v>
      </c>
      <c r="G5" s="55" t="s">
        <v>138</v>
      </c>
      <c r="H5" s="55" t="s">
        <v>134</v>
      </c>
      <c r="I5" s="55"/>
    </row>
    <row r="6" spans="1:9" x14ac:dyDescent="0.25">
      <c r="A6" s="22" t="s">
        <v>37</v>
      </c>
      <c r="B6" s="25" t="s">
        <v>90</v>
      </c>
      <c r="C6" s="25" t="s">
        <v>75</v>
      </c>
      <c r="D6" s="25">
        <v>92108</v>
      </c>
      <c r="E6" s="25" t="s">
        <v>212</v>
      </c>
      <c r="F6" s="38" t="s">
        <v>211</v>
      </c>
      <c r="G6" s="55" t="s">
        <v>60</v>
      </c>
      <c r="H6" s="55" t="s">
        <v>134</v>
      </c>
      <c r="I6" s="55"/>
    </row>
    <row r="7" spans="1:9" ht="30" x14ac:dyDescent="0.25">
      <c r="A7" s="8" t="s">
        <v>39</v>
      </c>
      <c r="B7" s="25" t="s">
        <v>213</v>
      </c>
      <c r="C7" s="25" t="s">
        <v>214</v>
      </c>
      <c r="D7" s="25">
        <v>91730</v>
      </c>
      <c r="E7" s="25" t="s">
        <v>125</v>
      </c>
      <c r="F7" s="39">
        <v>1497379267</v>
      </c>
      <c r="G7" s="55" t="s">
        <v>60</v>
      </c>
      <c r="H7" s="55" t="s">
        <v>134</v>
      </c>
      <c r="I7" s="55"/>
    </row>
    <row r="8" spans="1:9" ht="30" x14ac:dyDescent="0.25">
      <c r="A8" s="8" t="s">
        <v>43</v>
      </c>
      <c r="B8" s="25" t="s">
        <v>285</v>
      </c>
      <c r="C8" s="25" t="s">
        <v>102</v>
      </c>
      <c r="D8" s="25">
        <v>92878</v>
      </c>
      <c r="E8" s="25" t="s">
        <v>129</v>
      </c>
      <c r="F8" s="39">
        <v>1811742687</v>
      </c>
      <c r="G8" s="55" t="s">
        <v>138</v>
      </c>
      <c r="H8" s="55" t="s">
        <v>134</v>
      </c>
      <c r="I8" s="55"/>
    </row>
    <row r="9" spans="1:9" x14ac:dyDescent="0.25">
      <c r="A9" s="8" t="s">
        <v>165</v>
      </c>
      <c r="B9" s="15" t="s">
        <v>201</v>
      </c>
      <c r="C9" s="15" t="s">
        <v>97</v>
      </c>
      <c r="D9" s="15">
        <v>92392</v>
      </c>
      <c r="E9" s="15" t="s">
        <v>200</v>
      </c>
      <c r="F9" s="58">
        <v>1124490446</v>
      </c>
      <c r="G9" s="10" t="s">
        <v>138</v>
      </c>
      <c r="H9" s="55" t="s">
        <v>134</v>
      </c>
      <c r="I9" s="55"/>
    </row>
    <row r="10" spans="1:9" x14ac:dyDescent="0.25">
      <c r="A10" s="55"/>
      <c r="B10" s="55"/>
      <c r="C10" s="55"/>
      <c r="D10" s="55"/>
      <c r="E10" s="55"/>
      <c r="F10" s="55"/>
      <c r="G10" s="55"/>
      <c r="H10" s="55"/>
      <c r="I10" s="55"/>
    </row>
    <row r="11" spans="1:9" x14ac:dyDescent="0.25">
      <c r="A11" s="55"/>
      <c r="B11" s="55"/>
      <c r="C11" s="55"/>
      <c r="D11" s="55"/>
      <c r="E11" s="55"/>
      <c r="F11" s="55"/>
      <c r="G11" s="55"/>
      <c r="H11" s="55"/>
      <c r="I11" s="55"/>
    </row>
  </sheetData>
  <autoFilter ref="A1:I62" xr:uid="{00000000-0009-0000-0000-000007000000}"/>
  <dataValidations count="2">
    <dataValidation type="list" allowBlank="1" showInputMessage="1" showErrorMessage="1" sqref="G2:G62" xr:uid="{00000000-0002-0000-0700-000000000000}">
      <formula1>"San Bernardino,Riverside,Both"</formula1>
    </dataValidation>
    <dataValidation type="list" allowBlank="1" showInputMessage="1" showErrorMessage="1" sqref="H2:H62" xr:uid="{00000000-0002-0000-0700-000001000000}">
      <formula1>"Active,On Hold,Redirect,LOA,Termed"</formula1>
    </dataValidation>
  </dataValidations>
  <pageMargins left="0.75" right="0.75" top="1" bottom="1" header="0.5" footer="0.5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dimension ref="A1:I13"/>
  <sheetViews>
    <sheetView workbookViewId="0">
      <pane ySplit="1" topLeftCell="A2" activePane="bottomLeft" state="frozen"/>
      <selection pane="bottomLeft" activeCell="B9" sqref="B9:E9"/>
    </sheetView>
  </sheetViews>
  <sheetFormatPr defaultRowHeight="15" x14ac:dyDescent="0.25"/>
  <cols>
    <col min="1" max="1" width="31" bestFit="1" customWidth="1"/>
    <col min="2" max="2" width="29.7109375" bestFit="1" customWidth="1"/>
    <col min="3" max="3" width="11.7109375" bestFit="1" customWidth="1"/>
    <col min="4" max="4" width="13.28515625" bestFit="1" customWidth="1"/>
    <col min="5" max="5" width="19.140625" bestFit="1" customWidth="1"/>
    <col min="6" max="6" width="11" bestFit="1" customWidth="1"/>
    <col min="7" max="7" width="51.28515625" bestFit="1" customWidth="1"/>
    <col min="8" max="8" width="59.7109375" bestFit="1" customWidth="1"/>
    <col min="9" max="9" width="24" bestFit="1" customWidth="1"/>
  </cols>
  <sheetData>
    <row r="1" spans="1:9" x14ac:dyDescent="0.25">
      <c r="A1" s="1" t="s">
        <v>0</v>
      </c>
      <c r="B1" s="1" t="s">
        <v>1</v>
      </c>
      <c r="C1" s="1" t="s">
        <v>2</v>
      </c>
      <c r="D1" s="1" t="s">
        <v>3</v>
      </c>
      <c r="E1" s="1" t="s">
        <v>4</v>
      </c>
      <c r="F1" s="29" t="s">
        <v>45</v>
      </c>
      <c r="G1" s="1" t="s">
        <v>8</v>
      </c>
      <c r="H1" s="1" t="s">
        <v>9</v>
      </c>
      <c r="I1" s="1" t="s">
        <v>10</v>
      </c>
    </row>
    <row r="2" spans="1:9" x14ac:dyDescent="0.25">
      <c r="A2" s="8" t="s">
        <v>215</v>
      </c>
      <c r="B2" s="11" t="s">
        <v>224</v>
      </c>
      <c r="C2" s="11" t="s">
        <v>225</v>
      </c>
      <c r="D2" s="11">
        <v>90245</v>
      </c>
      <c r="E2" s="11" t="s">
        <v>226</v>
      </c>
      <c r="F2" s="59">
        <v>1376797035</v>
      </c>
      <c r="G2" s="10" t="s">
        <v>138</v>
      </c>
      <c r="H2" s="10"/>
      <c r="I2" s="10"/>
    </row>
    <row r="3" spans="1:9" x14ac:dyDescent="0.25">
      <c r="A3" s="8" t="s">
        <v>216</v>
      </c>
      <c r="B3" s="61" t="s">
        <v>229</v>
      </c>
      <c r="C3" s="11" t="s">
        <v>227</v>
      </c>
      <c r="D3" s="11">
        <v>90084</v>
      </c>
      <c r="E3" s="11" t="s">
        <v>228</v>
      </c>
      <c r="F3" s="59">
        <v>1710187299</v>
      </c>
      <c r="G3" s="10" t="s">
        <v>138</v>
      </c>
      <c r="H3" s="10"/>
      <c r="I3" s="10"/>
    </row>
    <row r="4" spans="1:9" x14ac:dyDescent="0.25">
      <c r="A4" s="8" t="s">
        <v>217</v>
      </c>
      <c r="B4" s="11" t="s">
        <v>230</v>
      </c>
      <c r="C4" s="11" t="s">
        <v>231</v>
      </c>
      <c r="D4" s="11">
        <v>90809</v>
      </c>
      <c r="E4" s="11" t="s">
        <v>232</v>
      </c>
      <c r="F4" s="60">
        <v>1518782135</v>
      </c>
      <c r="G4" s="10" t="s">
        <v>138</v>
      </c>
      <c r="H4" s="10"/>
      <c r="I4" s="10"/>
    </row>
    <row r="5" spans="1:9" x14ac:dyDescent="0.25">
      <c r="A5" s="8" t="s">
        <v>218</v>
      </c>
      <c r="B5" s="11" t="s">
        <v>233</v>
      </c>
      <c r="C5" s="11" t="s">
        <v>102</v>
      </c>
      <c r="D5" s="11">
        <v>92881</v>
      </c>
      <c r="E5" s="11" t="s">
        <v>234</v>
      </c>
      <c r="F5" s="59">
        <v>1528618170</v>
      </c>
      <c r="G5" s="10" t="s">
        <v>138</v>
      </c>
      <c r="H5" s="10"/>
      <c r="I5" s="10"/>
    </row>
    <row r="6" spans="1:9" ht="30" x14ac:dyDescent="0.25">
      <c r="A6" s="8" t="s">
        <v>223</v>
      </c>
      <c r="B6" s="11" t="s">
        <v>235</v>
      </c>
      <c r="C6" s="11" t="s">
        <v>236</v>
      </c>
      <c r="D6" s="11">
        <v>92626</v>
      </c>
      <c r="E6" s="11" t="s">
        <v>237</v>
      </c>
      <c r="F6" s="8">
        <v>1265100176</v>
      </c>
      <c r="G6" s="10" t="s">
        <v>138</v>
      </c>
      <c r="H6" s="10"/>
      <c r="I6" s="10"/>
    </row>
    <row r="7" spans="1:9" x14ac:dyDescent="0.25">
      <c r="A7" s="8" t="s">
        <v>219</v>
      </c>
      <c r="B7" s="11" t="s">
        <v>238</v>
      </c>
      <c r="C7" s="11" t="s">
        <v>239</v>
      </c>
      <c r="D7" s="11">
        <v>92260</v>
      </c>
      <c r="E7" s="11" t="s">
        <v>240</v>
      </c>
      <c r="F7" s="8">
        <v>1386328300</v>
      </c>
      <c r="G7" s="10" t="s">
        <v>138</v>
      </c>
      <c r="H7" s="10"/>
      <c r="I7" s="10"/>
    </row>
    <row r="8" spans="1:9" ht="30" x14ac:dyDescent="0.25">
      <c r="A8" s="8" t="s">
        <v>222</v>
      </c>
      <c r="B8" s="11" t="s">
        <v>241</v>
      </c>
      <c r="C8" s="11" t="s">
        <v>242</v>
      </c>
      <c r="D8" s="11">
        <v>92821</v>
      </c>
      <c r="E8" s="11" t="s">
        <v>243</v>
      </c>
      <c r="F8" s="8">
        <v>1538526389</v>
      </c>
      <c r="G8" s="10" t="s">
        <v>138</v>
      </c>
      <c r="H8" s="10"/>
      <c r="I8" s="10"/>
    </row>
    <row r="9" spans="1:9" x14ac:dyDescent="0.25">
      <c r="A9" s="8" t="s">
        <v>160</v>
      </c>
      <c r="B9" s="11" t="s">
        <v>244</v>
      </c>
      <c r="C9" s="11" t="s">
        <v>180</v>
      </c>
      <c r="D9" s="11">
        <v>33136</v>
      </c>
      <c r="E9" s="11" t="s">
        <v>245</v>
      </c>
      <c r="F9" s="8">
        <v>1083764724</v>
      </c>
      <c r="G9" s="10" t="s">
        <v>138</v>
      </c>
      <c r="H9" s="10"/>
      <c r="I9" s="10"/>
    </row>
    <row r="10" spans="1:9" x14ac:dyDescent="0.25">
      <c r="A10" s="8" t="s">
        <v>220</v>
      </c>
      <c r="B10" s="11" t="s">
        <v>246</v>
      </c>
      <c r="C10" s="11" t="s">
        <v>247</v>
      </c>
      <c r="D10" s="11">
        <v>91007</v>
      </c>
      <c r="E10" s="11" t="s">
        <v>248</v>
      </c>
      <c r="F10" s="8">
        <v>1639637648</v>
      </c>
      <c r="G10" s="10" t="s">
        <v>138</v>
      </c>
      <c r="H10" s="10"/>
      <c r="I10" s="10"/>
    </row>
    <row r="11" spans="1:9" x14ac:dyDescent="0.25">
      <c r="A11" s="8" t="s">
        <v>221</v>
      </c>
      <c r="B11" s="61" t="s">
        <v>250</v>
      </c>
      <c r="C11" s="11" t="s">
        <v>249</v>
      </c>
      <c r="D11" s="11">
        <v>91786</v>
      </c>
      <c r="E11" s="11" t="s">
        <v>252</v>
      </c>
      <c r="F11" s="8">
        <v>1598250615</v>
      </c>
      <c r="G11" s="10" t="s">
        <v>138</v>
      </c>
      <c r="H11" s="10"/>
      <c r="I11" s="10"/>
    </row>
    <row r="12" spans="1:9" ht="30" x14ac:dyDescent="0.25">
      <c r="A12" s="8" t="s">
        <v>36</v>
      </c>
      <c r="B12" s="11" t="s">
        <v>251</v>
      </c>
      <c r="C12" s="11" t="s">
        <v>88</v>
      </c>
      <c r="D12" s="11">
        <v>91761</v>
      </c>
      <c r="E12" s="11" t="s">
        <v>122</v>
      </c>
      <c r="F12" s="8">
        <v>1144928110</v>
      </c>
      <c r="G12" s="10" t="s">
        <v>138</v>
      </c>
      <c r="H12" s="10"/>
      <c r="I12" s="10"/>
    </row>
    <row r="13" spans="1:9" x14ac:dyDescent="0.25">
      <c r="A13" s="8" t="s">
        <v>165</v>
      </c>
      <c r="B13" s="11" t="s">
        <v>201</v>
      </c>
      <c r="C13" s="11" t="s">
        <v>97</v>
      </c>
      <c r="D13" s="11">
        <v>92392</v>
      </c>
      <c r="E13" s="11" t="s">
        <v>200</v>
      </c>
      <c r="F13" s="30">
        <v>1124490446</v>
      </c>
      <c r="G13" s="10" t="s">
        <v>138</v>
      </c>
      <c r="H13" s="10" t="s">
        <v>133</v>
      </c>
      <c r="I13" s="10" t="s">
        <v>202</v>
      </c>
    </row>
  </sheetData>
  <autoFilter ref="A1:I58" xr:uid="{00000000-0009-0000-0000-000008000000}"/>
  <dataValidations count="2">
    <dataValidation type="list" allowBlank="1" showInputMessage="1" showErrorMessage="1" sqref="G2:G58" xr:uid="{00000000-0002-0000-0800-000000000000}">
      <formula1>"San Bernardino,Riverside,Both"</formula1>
    </dataValidation>
    <dataValidation type="list" allowBlank="1" showInputMessage="1" showErrorMessage="1" sqref="H2:H58" xr:uid="{00000000-0002-0000-0800-000001000000}">
      <formula1>"Active,On Hold,Redirect,LOA,Termed"</formula1>
    </dataValidation>
  </dataValidations>
  <pageMargins left="0.75" right="0.75" top="1" bottom="1" header="0.5" footer="0.5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900-000000000000}">
  <dimension ref="A1:I11"/>
  <sheetViews>
    <sheetView workbookViewId="0">
      <pane ySplit="1" topLeftCell="A2" activePane="bottomLeft" state="frozen"/>
      <selection pane="bottomLeft" activeCell="E18" sqref="E18"/>
    </sheetView>
  </sheetViews>
  <sheetFormatPr defaultRowHeight="15" x14ac:dyDescent="0.25"/>
  <cols>
    <col min="1" max="1" width="32" customWidth="1"/>
    <col min="2" max="2" width="34" customWidth="1"/>
    <col min="3" max="3" width="18" customWidth="1"/>
    <col min="4" max="4" width="12" customWidth="1"/>
    <col min="5" max="6" width="16" customWidth="1"/>
    <col min="7" max="7" width="28" customWidth="1"/>
    <col min="8" max="8" width="36" customWidth="1"/>
    <col min="9" max="9" width="40" customWidth="1"/>
  </cols>
  <sheetData>
    <row r="1" spans="1:9" x14ac:dyDescent="0.25">
      <c r="A1" s="1" t="s">
        <v>0</v>
      </c>
      <c r="B1" s="1" t="s">
        <v>1</v>
      </c>
      <c r="C1" s="1" t="s">
        <v>2</v>
      </c>
      <c r="D1" s="1" t="s">
        <v>3</v>
      </c>
      <c r="E1" s="1" t="s">
        <v>4</v>
      </c>
      <c r="F1" s="1" t="s">
        <v>45</v>
      </c>
      <c r="G1" s="1" t="s">
        <v>8</v>
      </c>
      <c r="H1" s="1" t="s">
        <v>9</v>
      </c>
      <c r="I1" s="1" t="s">
        <v>10</v>
      </c>
    </row>
    <row r="2" spans="1:9" x14ac:dyDescent="0.25">
      <c r="A2" s="8" t="s">
        <v>215</v>
      </c>
      <c r="B2" s="11" t="s">
        <v>224</v>
      </c>
      <c r="C2" s="11" t="s">
        <v>225</v>
      </c>
      <c r="D2" s="11">
        <v>90245</v>
      </c>
      <c r="E2" s="11" t="s">
        <v>226</v>
      </c>
      <c r="F2" s="62">
        <v>1376797035</v>
      </c>
      <c r="G2" s="10" t="s">
        <v>138</v>
      </c>
      <c r="H2" s="10" t="s">
        <v>134</v>
      </c>
      <c r="I2" s="10"/>
    </row>
    <row r="3" spans="1:9" x14ac:dyDescent="0.25">
      <c r="A3" s="8" t="s">
        <v>216</v>
      </c>
      <c r="B3" s="61" t="s">
        <v>229</v>
      </c>
      <c r="C3" s="11" t="s">
        <v>227</v>
      </c>
      <c r="D3" s="11">
        <v>90084</v>
      </c>
      <c r="E3" s="11" t="s">
        <v>228</v>
      </c>
      <c r="F3" s="62">
        <v>1710187299</v>
      </c>
      <c r="G3" s="10" t="s">
        <v>138</v>
      </c>
      <c r="H3" s="10" t="s">
        <v>134</v>
      </c>
      <c r="I3" s="10"/>
    </row>
    <row r="4" spans="1:9" x14ac:dyDescent="0.25">
      <c r="A4" s="8" t="s">
        <v>217</v>
      </c>
      <c r="B4" s="11" t="s">
        <v>230</v>
      </c>
      <c r="C4" s="11" t="s">
        <v>231</v>
      </c>
      <c r="D4" s="11">
        <v>90809</v>
      </c>
      <c r="E4" s="11" t="s">
        <v>232</v>
      </c>
      <c r="F4" s="63">
        <v>1518782135</v>
      </c>
      <c r="G4" s="10" t="s">
        <v>138</v>
      </c>
      <c r="H4" s="10" t="s">
        <v>134</v>
      </c>
      <c r="I4" s="10"/>
    </row>
    <row r="5" spans="1:9" x14ac:dyDescent="0.25">
      <c r="A5" s="8" t="s">
        <v>218</v>
      </c>
      <c r="B5" s="11" t="s">
        <v>233</v>
      </c>
      <c r="C5" s="11" t="s">
        <v>102</v>
      </c>
      <c r="D5" s="11">
        <v>92881</v>
      </c>
      <c r="E5" s="11" t="s">
        <v>234</v>
      </c>
      <c r="F5" s="62">
        <v>1528618170</v>
      </c>
      <c r="G5" s="10" t="s">
        <v>138</v>
      </c>
      <c r="H5" s="10" t="s">
        <v>134</v>
      </c>
      <c r="I5" s="10"/>
    </row>
    <row r="6" spans="1:9" ht="30" x14ac:dyDescent="0.25">
      <c r="A6" s="8" t="s">
        <v>223</v>
      </c>
      <c r="B6" s="11" t="s">
        <v>235</v>
      </c>
      <c r="C6" s="11" t="s">
        <v>236</v>
      </c>
      <c r="D6" s="11">
        <v>92626</v>
      </c>
      <c r="E6" s="11" t="s">
        <v>237</v>
      </c>
      <c r="F6" s="27">
        <v>1265100176</v>
      </c>
      <c r="G6" s="10" t="s">
        <v>138</v>
      </c>
      <c r="H6" s="10" t="s">
        <v>134</v>
      </c>
      <c r="I6" s="10"/>
    </row>
    <row r="7" spans="1:9" x14ac:dyDescent="0.25">
      <c r="A7" s="8" t="s">
        <v>219</v>
      </c>
      <c r="B7" s="11" t="s">
        <v>238</v>
      </c>
      <c r="C7" s="11" t="s">
        <v>239</v>
      </c>
      <c r="D7" s="11">
        <v>92260</v>
      </c>
      <c r="E7" s="11" t="s">
        <v>240</v>
      </c>
      <c r="F7" s="27">
        <v>1386328300</v>
      </c>
      <c r="G7" s="10" t="s">
        <v>138</v>
      </c>
      <c r="H7" s="10" t="s">
        <v>134</v>
      </c>
      <c r="I7" s="10"/>
    </row>
    <row r="8" spans="1:9" ht="30" x14ac:dyDescent="0.25">
      <c r="A8" s="8" t="s">
        <v>222</v>
      </c>
      <c r="B8" s="11" t="s">
        <v>241</v>
      </c>
      <c r="C8" s="11" t="s">
        <v>242</v>
      </c>
      <c r="D8" s="11">
        <v>92821</v>
      </c>
      <c r="E8" s="11" t="s">
        <v>243</v>
      </c>
      <c r="F8" s="27">
        <v>1538526389</v>
      </c>
      <c r="G8" s="10" t="s">
        <v>138</v>
      </c>
      <c r="H8" s="10" t="s">
        <v>134</v>
      </c>
      <c r="I8" s="10"/>
    </row>
    <row r="9" spans="1:9" x14ac:dyDescent="0.25">
      <c r="A9" s="8" t="s">
        <v>160</v>
      </c>
      <c r="B9" s="11" t="s">
        <v>244</v>
      </c>
      <c r="C9" s="11" t="s">
        <v>180</v>
      </c>
      <c r="D9" s="11">
        <v>33136</v>
      </c>
      <c r="E9" s="11" t="s">
        <v>245</v>
      </c>
      <c r="F9" s="27">
        <v>1083764724</v>
      </c>
      <c r="G9" s="10" t="s">
        <v>138</v>
      </c>
      <c r="H9" s="10" t="s">
        <v>134</v>
      </c>
      <c r="I9" s="10"/>
    </row>
    <row r="10" spans="1:9" x14ac:dyDescent="0.25">
      <c r="A10" s="8" t="s">
        <v>220</v>
      </c>
      <c r="B10" s="11" t="s">
        <v>246</v>
      </c>
      <c r="C10" s="11" t="s">
        <v>247</v>
      </c>
      <c r="D10" s="11">
        <v>91007</v>
      </c>
      <c r="E10" s="11" t="s">
        <v>248</v>
      </c>
      <c r="F10" s="27">
        <v>1639637648</v>
      </c>
      <c r="G10" s="10" t="s">
        <v>138</v>
      </c>
      <c r="H10" s="10" t="s">
        <v>134</v>
      </c>
      <c r="I10" s="10"/>
    </row>
    <row r="11" spans="1:9" ht="30" x14ac:dyDescent="0.25">
      <c r="A11" s="8" t="s">
        <v>36</v>
      </c>
      <c r="B11" s="11" t="s">
        <v>251</v>
      </c>
      <c r="C11" s="11" t="s">
        <v>88</v>
      </c>
      <c r="D11" s="11">
        <v>91761</v>
      </c>
      <c r="E11" s="11" t="s">
        <v>122</v>
      </c>
      <c r="F11" s="27">
        <v>1144928110</v>
      </c>
      <c r="G11" s="10" t="s">
        <v>138</v>
      </c>
      <c r="H11" s="10" t="s">
        <v>134</v>
      </c>
      <c r="I11" s="10"/>
    </row>
  </sheetData>
  <autoFilter ref="A1:I60" xr:uid="{00000000-0009-0000-0000-000009000000}"/>
  <dataValidations count="2">
    <dataValidation type="list" allowBlank="1" showInputMessage="1" showErrorMessage="1" sqref="G2:G60" xr:uid="{00000000-0002-0000-0900-000000000000}">
      <formula1>"San Bernardino,Riverside,Both"</formula1>
    </dataValidation>
    <dataValidation type="list" allowBlank="1" showInputMessage="1" showErrorMessage="1" sqref="H2:H60" xr:uid="{00000000-0002-0000-0900-000001000000}">
      <formula1>"Active,On Hold,Redirect,LOA,Termed"</formula1>
    </dataValidation>
  </dataValidations>
  <pageMargins left="0.75" right="0.75" top="1" bottom="1" header="0.5" footer="0.5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4</vt:i4>
      </vt:variant>
    </vt:vector>
  </HeadingPairs>
  <TitlesOfParts>
    <vt:vector size="14" baseType="lpstr">
      <vt:lpstr>Housing Transition &amp; Navigat...</vt:lpstr>
      <vt:lpstr>Housing Deposits</vt:lpstr>
      <vt:lpstr>Housing Tenancy &amp; Sustaining...</vt:lpstr>
      <vt:lpstr>Recuperative Care (Medical R...</vt:lpstr>
      <vt:lpstr>Short-Term Post-Hospitalizat...</vt:lpstr>
      <vt:lpstr>Medically Tailored Meals (MTM)</vt:lpstr>
      <vt:lpstr>Day Habilitation</vt:lpstr>
      <vt:lpstr>Personal Care &amp; Homemaker</vt:lpstr>
      <vt:lpstr>Respite Services</vt:lpstr>
      <vt:lpstr>Asthma Remediation</vt:lpstr>
      <vt:lpstr>Home Modifications</vt:lpstr>
      <vt:lpstr>Sobering Centers</vt:lpstr>
      <vt:lpstr>Assisted Living Transitions</vt:lpstr>
      <vt:lpstr>Community to Home Transition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openpyxl</dc:creator>
  <cp:lastModifiedBy>Elvira Soltero</cp:lastModifiedBy>
  <dcterms:created xsi:type="dcterms:W3CDTF">2025-10-08T19:01:25Z</dcterms:created>
  <dcterms:modified xsi:type="dcterms:W3CDTF">2025-10-09T18:48:07Z</dcterms:modified>
</cp:coreProperties>
</file>